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comments2.xml" ContentType="application/vnd.openxmlformats-officedocument.spreadsheetml.comment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4" rupBuild="25225"/>
  <workbookPr defaultThemeVersion="124226"/>
  <mc:AlternateContent xmlns:mc="http://schemas.openxmlformats.org/markup-compatibility/2006">
    <mc:Choice Requires="x15">
      <x15ac:absPath xmlns:x15ac="http://schemas.microsoft.com/office/spreadsheetml/2010/11/ac" url="C:\Users\i2427\Desktop\Clean- Medicare(WORD_ME)\25\Attachment\"/>
    </mc:Choice>
  </mc:AlternateContent>
  <xr:revisionPtr revIDLastSave="0" documentId="8_{3E284764-269E-4957-94BD-C20BDC36F1DD}" xr6:coauthVersionLast="47" xr6:coauthVersionMax="47" xr10:uidLastSave="{00000000-0000-0000-0000-000000000000}"/>
  <bookViews>
    <workbookView xWindow="-120" yWindow="-120" windowWidth="29040" windowHeight="15840" xr2:uid="{00000000-000D-0000-FFFF-FFFF00000000}"/>
  </bookViews>
  <sheets>
    <sheet name="CREDENTIALING SPREADSHEET" sheetId="2" r:id="rId1"/>
    <sheet name="RECREDENTIALING SPREADSHEET" sheetId="3" r:id="rId2"/>
    <sheet name="DATA DICTIONARY" sheetId="1" r:id="rId3"/>
  </sheets>
  <definedNames>
    <definedName name="_xlnm.Print_Titles" localSheetId="2">'DATA DICTIONARY'!$1:$1</definedName>
  </definedNames>
  <calcPr calcId="125725"/>
</workbook>
</file>

<file path=xl/comments1.xml><?xml version="1.0" encoding="utf-8"?>
<comments xmlns="http://schemas.openxmlformats.org/spreadsheetml/2006/main" xmlns:mc="http://schemas.openxmlformats.org/markup-compatibility/2006" xmlns:xr="http://schemas.microsoft.com/office/spreadsheetml/2014/revision" mc:Ignorable="xr">
  <authors>
    <author>i3654</author>
  </authors>
  <commentList>
    <comment ref="A1" authorId="0" shapeId="0" xr:uid="{00000000-0006-0000-0000-000001000000}">
      <text>
        <r>
          <rPr>
            <sz val="9"/>
            <color indexed="81"/>
            <rFont val="Tahoma"/>
            <family val="2"/>
          </rPr>
          <t xml:space="preserve">IPA Name
</t>
        </r>
      </text>
    </comment>
    <comment ref="B1" authorId="0" shapeId="0" xr:uid="{00000000-0006-0000-0000-000002000000}">
      <text>
        <r>
          <rPr>
            <sz val="9"/>
            <color indexed="81"/>
            <rFont val="Tahoma"/>
            <family val="2"/>
          </rPr>
          <t>Identify whether packet is Initial or Recredentialing</t>
        </r>
      </text>
    </comment>
    <comment ref="C1" authorId="0" shapeId="0" xr:uid="{00000000-0006-0000-0000-000003000000}">
      <text>
        <r>
          <rPr>
            <sz val="9"/>
            <color indexed="81"/>
            <rFont val="Tahoma"/>
            <family val="2"/>
          </rPr>
          <t xml:space="preserve">Provider's Credentialing Approval Date
</t>
        </r>
      </text>
    </comment>
    <comment ref="D1" authorId="0" shapeId="0" xr:uid="{00000000-0006-0000-0000-000004000000}">
      <text>
        <r>
          <rPr>
            <sz val="9"/>
            <color indexed="81"/>
            <rFont val="Tahoma"/>
            <family val="2"/>
          </rPr>
          <t xml:space="preserve">Provider's Recredentialing Approval Date
</t>
        </r>
      </text>
    </comment>
    <comment ref="E1" authorId="0" shapeId="0" xr:uid="{00000000-0006-0000-0000-000005000000}">
      <text>
        <r>
          <rPr>
            <sz val="9"/>
            <color indexed="81"/>
            <rFont val="Tahoma"/>
            <family val="2"/>
          </rPr>
          <t xml:space="preserve">Identify whether the practitioner is a Specialist, PCP or Both
</t>
        </r>
      </text>
    </comment>
    <comment ref="F1" authorId="0" shapeId="0" xr:uid="{00000000-0006-0000-0000-000006000000}">
      <text>
        <r>
          <rPr>
            <sz val="9"/>
            <color indexed="81"/>
            <rFont val="Tahoma"/>
            <family val="2"/>
          </rPr>
          <t xml:space="preserve">Last Name as Listed on License
</t>
        </r>
      </text>
    </comment>
    <comment ref="G1" authorId="0" shapeId="0" xr:uid="{00000000-0006-0000-0000-000007000000}">
      <text>
        <r>
          <rPr>
            <sz val="9"/>
            <color indexed="81"/>
            <rFont val="Tahoma"/>
            <family val="2"/>
          </rPr>
          <t>First Name as Listed on License</t>
        </r>
      </text>
    </comment>
    <comment ref="H1" authorId="0" shapeId="0" xr:uid="{00000000-0006-0000-0000-000008000000}">
      <text>
        <r>
          <rPr>
            <sz val="9"/>
            <color indexed="81"/>
            <rFont val="Tahoma"/>
            <family val="2"/>
          </rPr>
          <t xml:space="preserve">First Letter of Middle Name as Listed on License
</t>
        </r>
      </text>
    </comment>
    <comment ref="I1" authorId="0" shapeId="0" xr:uid="{00000000-0006-0000-0000-000009000000}">
      <text>
        <r>
          <rPr>
            <sz val="9"/>
            <color indexed="81"/>
            <rFont val="Tahoma"/>
            <family val="2"/>
          </rPr>
          <t>Suffix (i.e. Jr., Sr., III…) as listed on License</t>
        </r>
      </text>
    </comment>
    <comment ref="J1" authorId="0" shapeId="0" xr:uid="{00000000-0006-0000-0000-00000A000000}">
      <text>
        <r>
          <rPr>
            <sz val="9"/>
            <color indexed="81"/>
            <rFont val="Tahoma"/>
            <family val="2"/>
          </rPr>
          <t xml:space="preserve">Degree
M.D. (Medical Doctor)
D.O.(Doctor of Osteopathic Medicine)
D.P.M. (Podiatry)
L.M.F.T. (Licensed Marriage Family Therapist)
L.C.S.W. (Licensed Clinical Social Worker)
Ph.D., Psy.D. (Doctor of Psychology)
D.C. (Doctors of Chiropractic)
L.Ac. (Acupuncture)
D.D.S. (Doctor of Dental Surgery)
D.M.D. (Doctor of Medicine in Dentistry)
O.T. (Occupational Therapy)
O.D. (Optometry Doctor)
P.T. (Physical Therapist)
P.A. (Physician Assistant)
C.N.M. (Certified Nurse Midwife)
N.P. (Nurse Practitioner)
S.P. (Speech Pathology)
Au. (Audiology)
H.A. (Hearing Aids Dispenser)
</t>
        </r>
      </text>
    </comment>
    <comment ref="K1" authorId="0" shapeId="0" xr:uid="{00000000-0006-0000-0000-00000B000000}">
      <text>
        <r>
          <rPr>
            <sz val="9"/>
            <color indexed="81"/>
            <rFont val="Tahoma"/>
            <family val="2"/>
          </rPr>
          <t xml:space="preserve">Please provide the Providers Individual NPI
</t>
        </r>
      </text>
    </comment>
    <comment ref="L1" authorId="0" shapeId="0" xr:uid="{00000000-0006-0000-0000-00000C000000}">
      <text>
        <r>
          <rPr>
            <sz val="9"/>
            <color indexed="81"/>
            <rFont val="Tahoma"/>
            <family val="2"/>
          </rPr>
          <t xml:space="preserve">Social Security Number (optional)
</t>
        </r>
      </text>
    </comment>
    <comment ref="M1" authorId="0" shapeId="0" xr:uid="{00000000-0006-0000-0000-00000D000000}">
      <text>
        <r>
          <rPr>
            <sz val="9"/>
            <color indexed="81"/>
            <rFont val="Tahoma"/>
            <family val="2"/>
          </rPr>
          <t xml:space="preserve">Date of Birth
</t>
        </r>
      </text>
    </comment>
    <comment ref="N1" authorId="0" shapeId="0" xr:uid="{00000000-0006-0000-0000-00000E000000}">
      <text>
        <r>
          <rPr>
            <sz val="9"/>
            <color indexed="81"/>
            <rFont val="Tahoma"/>
            <family val="2"/>
          </rPr>
          <t xml:space="preserve">Please identify whether the provide is Male or Female
</t>
        </r>
      </text>
    </comment>
    <comment ref="O1" authorId="0" shapeId="0" xr:uid="{00000000-0006-0000-0000-00000F000000}">
      <text>
        <r>
          <rPr>
            <sz val="9"/>
            <color indexed="81"/>
            <rFont val="Tahoma"/>
            <family val="2"/>
          </rPr>
          <t xml:space="preserve">Provider's cultural background (Optional)
</t>
        </r>
      </text>
    </comment>
    <comment ref="P1" authorId="0" shapeId="0" xr:uid="{00000000-0006-0000-0000-000010000000}">
      <text>
        <r>
          <rPr>
            <sz val="9"/>
            <color indexed="81"/>
            <rFont val="Tahoma"/>
            <family val="2"/>
          </rPr>
          <t xml:space="preserve">Foreign Language Spoken (Fluently by Physician)
</t>
        </r>
      </text>
    </comment>
    <comment ref="Q1" authorId="0" shapeId="0" xr:uid="{00000000-0006-0000-0000-000011000000}">
      <text>
        <r>
          <rPr>
            <sz val="9"/>
            <color indexed="81"/>
            <rFont val="Tahoma"/>
            <family val="2"/>
          </rPr>
          <t xml:space="preserve">Foreign Language Spoken (Fluently by Physician)
</t>
        </r>
      </text>
    </comment>
    <comment ref="R1" authorId="0" shapeId="0" xr:uid="{00000000-0006-0000-0000-000012000000}">
      <text>
        <r>
          <rPr>
            <sz val="9"/>
            <color indexed="81"/>
            <rFont val="Tahoma"/>
            <family val="2"/>
          </rPr>
          <t xml:space="preserve">Foreign Language Spoken (Fluently by Physician)
</t>
        </r>
      </text>
    </comment>
    <comment ref="S1" authorId="0" shapeId="0" xr:uid="{00000000-0006-0000-0000-000013000000}">
      <text>
        <r>
          <rPr>
            <sz val="9"/>
            <color indexed="81"/>
            <rFont val="Tahoma"/>
            <family val="2"/>
          </rPr>
          <t xml:space="preserve">Provider's primary specialty
IEHP does not accept the following provider are not delegated to the IPA, therefore do not submit:
L.M.F.T. (Licensed Marriage Family Therapist)
L.C.S.W. (Licensed Clinical Social Worker)
Ph.D., Psy.D. (Doctor of Psychology)
L.Ac. (Acupuncture)
O.D. (Optometry Doctor)
For General Practice providers in the IEHP network, IPA's are required to submit CME records for the last three years </t>
        </r>
      </text>
    </comment>
    <comment ref="T1" authorId="0" shapeId="0" xr:uid="{00000000-0006-0000-0000-000014000000}">
      <text>
        <r>
          <rPr>
            <sz val="9"/>
            <color indexed="81"/>
            <rFont val="Tahoma"/>
            <family val="2"/>
          </rPr>
          <t xml:space="preserve">Provider's primary specialty
IEHP does not accept the following provider are not delegated to the IPA, therefore do not submit:
L.M.F.T. (Licensed Marriage Family Therapist)
L.C.S.W. (Licensed Clinical Social Worker)
Ph.D., Psy.D. (Doctor of Psychology)
L.Ac. (Acupuncture)
O.D. (Optometry Doctor)
For General Practice providers in the IEHP network, IPA's are required to submit CME records for the last three years </t>
        </r>
      </text>
    </comment>
    <comment ref="U1" authorId="0" shapeId="0" xr:uid="{00000000-0006-0000-0000-000015000000}">
      <text>
        <r>
          <rPr>
            <sz val="9"/>
            <color indexed="81"/>
            <rFont val="Tahoma"/>
            <family val="2"/>
          </rPr>
          <t xml:space="preserve">Please provide any age limitations for the provider
</t>
        </r>
      </text>
    </comment>
    <comment ref="V1" authorId="0" shapeId="0" xr:uid="{00000000-0006-0000-0000-000016000000}">
      <text>
        <r>
          <rPr>
            <sz val="9"/>
            <color indexed="81"/>
            <rFont val="Tahoma"/>
            <family val="2"/>
          </rPr>
          <t>Applicable to Mid Level Practitioners only (Physician Assistants &amp; Nurse Practitioners) Please provide the name of the Supervising Physician
IPA's are required to submit the Delegation of Services Agreement, Supervising Physician Form, Standardized Procedures, as applicable</t>
        </r>
      </text>
    </comment>
    <comment ref="W1" authorId="0" shapeId="0" xr:uid="{00000000-0006-0000-0000-000017000000}">
      <text>
        <r>
          <rPr>
            <sz val="9"/>
            <color indexed="81"/>
            <rFont val="Tahoma"/>
            <family val="2"/>
          </rPr>
          <t xml:space="preserve">Applicable to Mid Level Practitioners only (Physician Assistants &amp; Nurse Practitioners) Please provide the name of the Supervising Physician
IPA's are required to submit the Delegation of Services Agreement, Supervising Physician Form, Standardized Procedures, as applicable
</t>
        </r>
      </text>
    </comment>
    <comment ref="Y1" authorId="0" shapeId="0" xr:uid="{00000000-0006-0000-0000-000018000000}">
      <text>
        <r>
          <rPr>
            <sz val="9"/>
            <color indexed="81"/>
            <rFont val="Tahoma"/>
            <family val="2"/>
          </rPr>
          <t xml:space="preserve">Primary office location that will be marketed under IEHP
</t>
        </r>
      </text>
    </comment>
    <comment ref="Z1" authorId="0" shapeId="0" xr:uid="{00000000-0006-0000-0000-000019000000}">
      <text>
        <r>
          <rPr>
            <sz val="9"/>
            <color indexed="81"/>
            <rFont val="Tahoma"/>
            <family val="2"/>
          </rPr>
          <t>Primary office location that will be marketed under IEHP</t>
        </r>
      </text>
    </comment>
    <comment ref="AA1" authorId="0" shapeId="0" xr:uid="{00000000-0006-0000-0000-00001A000000}">
      <text>
        <r>
          <rPr>
            <sz val="9"/>
            <color indexed="81"/>
            <rFont val="Tahoma"/>
            <family val="2"/>
          </rPr>
          <t xml:space="preserve">Primary office location that will be marketed under IEHP
</t>
        </r>
      </text>
    </comment>
    <comment ref="AB1" authorId="0" shapeId="0" xr:uid="{00000000-0006-0000-0000-00001B000000}">
      <text>
        <r>
          <rPr>
            <sz val="9"/>
            <color indexed="81"/>
            <rFont val="Tahoma"/>
            <family val="2"/>
          </rPr>
          <t xml:space="preserve">Primary office location that will be marketed under IEHP
</t>
        </r>
      </text>
    </comment>
    <comment ref="AC1" authorId="0" shapeId="0" xr:uid="{00000000-0006-0000-0000-00001C000000}">
      <text>
        <r>
          <rPr>
            <sz val="9"/>
            <color indexed="81"/>
            <rFont val="Tahoma"/>
            <family val="2"/>
          </rPr>
          <t xml:space="preserve">Primary office location that will be marketed under IEHP
</t>
        </r>
      </text>
    </comment>
    <comment ref="AD1" authorId="0" shapeId="0" xr:uid="{00000000-0006-0000-0000-00001D000000}">
      <text>
        <r>
          <rPr>
            <sz val="9"/>
            <color indexed="81"/>
            <rFont val="Tahoma"/>
            <family val="2"/>
          </rPr>
          <t xml:space="preserve">Primary office location that will be marketed under IEHP
</t>
        </r>
      </text>
    </comment>
    <comment ref="AE1" authorId="0" shapeId="0" xr:uid="{00000000-0006-0000-0000-00001E000000}">
      <text>
        <r>
          <rPr>
            <sz val="9"/>
            <color indexed="81"/>
            <rFont val="Tahoma"/>
            <family val="2"/>
          </rPr>
          <t>Primary office location that will be marketed under IEHP
The IPA is required to submit W-9's for all offices marketed for IEHP</t>
        </r>
      </text>
    </comment>
    <comment ref="AF1" authorId="0" shapeId="0" xr:uid="{00000000-0006-0000-0000-00001F000000}">
      <text>
        <r>
          <rPr>
            <sz val="9"/>
            <color indexed="81"/>
            <rFont val="Tahoma"/>
            <family val="2"/>
          </rPr>
          <t xml:space="preserve">Primary office location that will be marketed under IEHP
IPA's are required to submit contracts (1st &amp; signature page) and any addendums to ensure the provider is contracted affiliated with that contract
</t>
        </r>
      </text>
    </comment>
    <comment ref="AG1" authorId="0" shapeId="0" xr:uid="{00000000-0006-0000-0000-000020000000}">
      <text>
        <r>
          <rPr>
            <sz val="9"/>
            <color indexed="81"/>
            <rFont val="Tahoma"/>
            <family val="2"/>
          </rPr>
          <t xml:space="preserve">Office Hours for the primary location
(i.e. 9 am-5pm or 9am-12 pm 2pm-5pm, or Closed)
</t>
        </r>
      </text>
    </comment>
    <comment ref="AH1" authorId="0" shapeId="0" xr:uid="{00000000-0006-0000-0000-000021000000}">
      <text>
        <r>
          <rPr>
            <sz val="9"/>
            <color indexed="81"/>
            <rFont val="Tahoma"/>
            <family val="2"/>
          </rPr>
          <t xml:space="preserve">Office Hours for the primary location
(i.e. 9 am-5pm or 9am-12 pm 2pm-5pm, or Closed)
</t>
        </r>
      </text>
    </comment>
    <comment ref="AI1" authorId="0" shapeId="0" xr:uid="{00000000-0006-0000-0000-000022000000}">
      <text>
        <r>
          <rPr>
            <sz val="9"/>
            <color indexed="81"/>
            <rFont val="Tahoma"/>
            <family val="2"/>
          </rPr>
          <t xml:space="preserve">Office Hours for the primary location
(i.e. 9 am-5pm or 9am-12 pm 2pm-5pm, or Closed)
</t>
        </r>
      </text>
    </comment>
    <comment ref="AJ1" authorId="0" shapeId="0" xr:uid="{00000000-0006-0000-0000-000023000000}">
      <text>
        <r>
          <rPr>
            <sz val="9"/>
            <color indexed="81"/>
            <rFont val="Tahoma"/>
            <family val="2"/>
          </rPr>
          <t xml:space="preserve">Office Hours for the primary location
(i.e. 9 am-5pm or 9am-12 pm 2pm-5pm, or Closed)
</t>
        </r>
      </text>
    </comment>
    <comment ref="AK1" authorId="0" shapeId="0" xr:uid="{00000000-0006-0000-0000-000024000000}">
      <text>
        <r>
          <rPr>
            <sz val="9"/>
            <color indexed="81"/>
            <rFont val="Tahoma"/>
            <family val="2"/>
          </rPr>
          <t>Office Hours for the primary location
(i.e. 9 am-5pm or 9am-12 pm 2pm-5pm, or Closed)</t>
        </r>
      </text>
    </comment>
    <comment ref="AL1" authorId="0" shapeId="0" xr:uid="{00000000-0006-0000-0000-000025000000}">
      <text>
        <r>
          <rPr>
            <sz val="9"/>
            <color indexed="81"/>
            <rFont val="Tahoma"/>
            <family val="2"/>
          </rPr>
          <t xml:space="preserve">Office Hours for the primary location
(i.e. 9 am-5pm or 9am-12 pm 2pm-5pm, or Closed)
</t>
        </r>
      </text>
    </comment>
    <comment ref="AM1" authorId="0" shapeId="0" xr:uid="{00000000-0006-0000-0000-000026000000}">
      <text>
        <r>
          <rPr>
            <sz val="9"/>
            <color indexed="81"/>
            <rFont val="Tahoma"/>
            <family val="2"/>
          </rPr>
          <t xml:space="preserve">Office Hours for the primary location
(i.e. 9 am-5pm or 9am-12 pm 2pm-5pm, or Closed)
</t>
        </r>
      </text>
    </comment>
    <comment ref="AR1" authorId="0" shapeId="0" xr:uid="{00000000-0006-0000-0000-000027000000}">
      <text>
        <r>
          <rPr>
            <sz val="9"/>
            <color indexed="81"/>
            <rFont val="Tahoma"/>
            <family val="2"/>
          </rPr>
          <t>Secondary office location that will be marketed under IEHP</t>
        </r>
      </text>
    </comment>
    <comment ref="AS1" authorId="0" shapeId="0" xr:uid="{00000000-0006-0000-0000-000028000000}">
      <text>
        <r>
          <rPr>
            <sz val="9"/>
            <color indexed="81"/>
            <rFont val="Tahoma"/>
            <family val="2"/>
          </rPr>
          <t xml:space="preserve">Secondary office location that will be marketed under IEHP
</t>
        </r>
      </text>
    </comment>
    <comment ref="AT1" authorId="0" shapeId="0" xr:uid="{00000000-0006-0000-0000-000029000000}">
      <text>
        <r>
          <rPr>
            <sz val="9"/>
            <color indexed="81"/>
            <rFont val="Tahoma"/>
            <family val="2"/>
          </rPr>
          <t>Secondary office location that will be marketed under IEHP</t>
        </r>
      </text>
    </comment>
    <comment ref="AU1" authorId="0" shapeId="0" xr:uid="{00000000-0006-0000-0000-00002A000000}">
      <text>
        <r>
          <rPr>
            <sz val="9"/>
            <color indexed="81"/>
            <rFont val="Tahoma"/>
            <family val="2"/>
          </rPr>
          <t xml:space="preserve">Secondary office location that will be marketed under IEHP
</t>
        </r>
      </text>
    </comment>
    <comment ref="AV1" authorId="0" shapeId="0" xr:uid="{00000000-0006-0000-0000-00002B000000}">
      <text>
        <r>
          <rPr>
            <sz val="9"/>
            <color indexed="81"/>
            <rFont val="Tahoma"/>
            <family val="2"/>
          </rPr>
          <t xml:space="preserve">Secondary office location that will be marketed under IEHP
</t>
        </r>
      </text>
    </comment>
    <comment ref="AW1" authorId="0" shapeId="0" xr:uid="{00000000-0006-0000-0000-00002C000000}">
      <text>
        <r>
          <rPr>
            <sz val="9"/>
            <color indexed="81"/>
            <rFont val="Tahoma"/>
            <family val="2"/>
          </rPr>
          <t xml:space="preserve">Secondary office location that will be marketed under IEHP
</t>
        </r>
      </text>
    </comment>
    <comment ref="AX1" authorId="0" shapeId="0" xr:uid="{00000000-0006-0000-0000-00002D000000}">
      <text>
        <r>
          <rPr>
            <sz val="9"/>
            <color indexed="81"/>
            <rFont val="Tahoma"/>
            <family val="2"/>
          </rPr>
          <t xml:space="preserve">Secondary office location that will be marketed under IEHP
The IPA is required to submit W-9's for all offices marketed for IEHP
</t>
        </r>
      </text>
    </comment>
    <comment ref="AY1" authorId="0" shapeId="0" xr:uid="{00000000-0006-0000-0000-00002E000000}">
      <text>
        <r>
          <rPr>
            <sz val="9"/>
            <color indexed="81"/>
            <rFont val="Tahoma"/>
            <family val="2"/>
          </rPr>
          <t xml:space="preserve">Primary office location that will be marketed under IEHP
IPA's are required to submit contracts (1st &amp; signature page) and any addendums to ensure the provider is contracted affiliated with that contract
</t>
        </r>
      </text>
    </comment>
    <comment ref="AZ1" authorId="0" shapeId="0" xr:uid="{00000000-0006-0000-0000-00002F000000}">
      <text>
        <r>
          <rPr>
            <sz val="9"/>
            <color indexed="81"/>
            <rFont val="Tahoma"/>
            <family val="2"/>
          </rPr>
          <t>Office Hours for the Secondary location
(i.e. 9 am-5pm or 9am-12 pm 2pm-5pm, or Closed)</t>
        </r>
      </text>
    </comment>
    <comment ref="BA1" authorId="0" shapeId="0" xr:uid="{00000000-0006-0000-0000-000030000000}">
      <text>
        <r>
          <rPr>
            <sz val="9"/>
            <color indexed="81"/>
            <rFont val="Tahoma"/>
            <family val="2"/>
          </rPr>
          <t>Office Hours for the Secondary location
(i.e. 9 am-5pm or 9am-12 pm 2pm-5pm, or Closed)</t>
        </r>
      </text>
    </comment>
    <comment ref="BB1" authorId="0" shapeId="0" xr:uid="{00000000-0006-0000-0000-000031000000}">
      <text>
        <r>
          <rPr>
            <sz val="9"/>
            <color indexed="81"/>
            <rFont val="Tahoma"/>
            <family val="2"/>
          </rPr>
          <t>Office Hours for the Secondary location
(i.e. 9 am-5pm or 9am-12 pm 2pm-5pm, or Closed)</t>
        </r>
      </text>
    </comment>
    <comment ref="BC1" authorId="0" shapeId="0" xr:uid="{00000000-0006-0000-0000-000032000000}">
      <text>
        <r>
          <rPr>
            <sz val="9"/>
            <color indexed="81"/>
            <rFont val="Tahoma"/>
            <family val="2"/>
          </rPr>
          <t xml:space="preserve">Office Hours for the Secondary location
(i.e. 9 am-5pm or 9am-12 pm 2pm-5pm, or Closed)
</t>
        </r>
      </text>
    </comment>
    <comment ref="BD1" authorId="0" shapeId="0" xr:uid="{00000000-0006-0000-0000-000033000000}">
      <text>
        <r>
          <rPr>
            <sz val="9"/>
            <color indexed="81"/>
            <rFont val="Tahoma"/>
            <family val="2"/>
          </rPr>
          <t xml:space="preserve">Office Hours for the Secondary location
(i.e. 9 am-5pm or 9am-12 pm 2pm-5pm, or Closed)
</t>
        </r>
      </text>
    </comment>
    <comment ref="BE1" authorId="0" shapeId="0" xr:uid="{00000000-0006-0000-0000-000034000000}">
      <text>
        <r>
          <rPr>
            <sz val="9"/>
            <color indexed="81"/>
            <rFont val="Tahoma"/>
            <family val="2"/>
          </rPr>
          <t xml:space="preserve">Office Hours for the Secondary location
(i.e. 9 am-5pm or 9am-12 pm 2pm-5pm, or Closed)
</t>
        </r>
      </text>
    </comment>
    <comment ref="BF1" authorId="0" shapeId="0" xr:uid="{00000000-0006-0000-0000-000035000000}">
      <text>
        <r>
          <rPr>
            <sz val="9"/>
            <color indexed="81"/>
            <rFont val="Tahoma"/>
            <family val="2"/>
          </rPr>
          <t xml:space="preserve">Office Hours for the Secondary location
(i.e. 9 am-5pm or 9am-12 pm 2pm-5pm, or Closed)
</t>
        </r>
      </text>
    </comment>
    <comment ref="BK1" authorId="0" shapeId="0" xr:uid="{00000000-0006-0000-0000-000036000000}">
      <text>
        <r>
          <rPr>
            <sz val="9"/>
            <color indexed="81"/>
            <rFont val="Tahoma"/>
            <family val="2"/>
          </rPr>
          <t>Tertiary office location that will be marketed under IEHP</t>
        </r>
      </text>
    </comment>
    <comment ref="BL1" authorId="0" shapeId="0" xr:uid="{00000000-0006-0000-0000-000037000000}">
      <text>
        <r>
          <rPr>
            <sz val="9"/>
            <color indexed="81"/>
            <rFont val="Tahoma"/>
            <family val="2"/>
          </rPr>
          <t xml:space="preserve">Tertiary office location that will be marketed under IEHP
</t>
        </r>
      </text>
    </comment>
    <comment ref="BN1" authorId="0" shapeId="0" xr:uid="{00000000-0006-0000-0000-000038000000}">
      <text>
        <r>
          <rPr>
            <sz val="9"/>
            <color indexed="81"/>
            <rFont val="Tahoma"/>
            <family val="2"/>
          </rPr>
          <t>Tertiary office location that will be marketed under IEHP</t>
        </r>
      </text>
    </comment>
    <comment ref="BO1" authorId="0" shapeId="0" xr:uid="{00000000-0006-0000-0000-000039000000}">
      <text>
        <r>
          <rPr>
            <sz val="9"/>
            <color indexed="81"/>
            <rFont val="Tahoma"/>
            <family val="2"/>
          </rPr>
          <t xml:space="preserve">Tertiary office location that will be marketed under IEHP
</t>
        </r>
      </text>
    </comment>
    <comment ref="BP1" authorId="0" shapeId="0" xr:uid="{00000000-0006-0000-0000-00003A000000}">
      <text>
        <r>
          <rPr>
            <sz val="9"/>
            <color indexed="81"/>
            <rFont val="Tahoma"/>
            <family val="2"/>
          </rPr>
          <t>Tertiary office location that will be marketed under IEHP</t>
        </r>
      </text>
    </comment>
    <comment ref="BQ1" authorId="0" shapeId="0" xr:uid="{00000000-0006-0000-0000-00003B000000}">
      <text>
        <r>
          <rPr>
            <sz val="9"/>
            <color indexed="81"/>
            <rFont val="Tahoma"/>
            <family val="2"/>
          </rPr>
          <t xml:space="preserve">Tertiary office location that will be marketed under IEHP
</t>
        </r>
      </text>
    </comment>
    <comment ref="BR1" authorId="0" shapeId="0" xr:uid="{00000000-0006-0000-0000-00003C000000}">
      <text>
        <r>
          <rPr>
            <sz val="9"/>
            <color indexed="81"/>
            <rFont val="Tahoma"/>
            <family val="2"/>
          </rPr>
          <t xml:space="preserve">Tertiary office location that will be marketed under IEHP
</t>
        </r>
      </text>
    </comment>
    <comment ref="BS1" authorId="0" shapeId="0" xr:uid="{00000000-0006-0000-0000-00003D000000}">
      <text>
        <r>
          <rPr>
            <sz val="9"/>
            <color indexed="81"/>
            <rFont val="Tahoma"/>
            <family val="2"/>
          </rPr>
          <t xml:space="preserve">Office Hours for the Tertiary location
(i.e. 9 am-5pm or 9am-12 pm 2pm-5pm, or Closed)
</t>
        </r>
      </text>
    </comment>
    <comment ref="BT1" authorId="0" shapeId="0" xr:uid="{00000000-0006-0000-0000-00003E000000}">
      <text>
        <r>
          <rPr>
            <sz val="9"/>
            <color indexed="81"/>
            <rFont val="Tahoma"/>
            <family val="2"/>
          </rPr>
          <t xml:space="preserve">Office Hours for the Tertiary location
(i.e. 9 am-5pm or 9am-12 pm 2pm-5pm, or Closed)
</t>
        </r>
      </text>
    </comment>
    <comment ref="BU1" authorId="0" shapeId="0" xr:uid="{00000000-0006-0000-0000-00003F000000}">
      <text>
        <r>
          <rPr>
            <sz val="9"/>
            <color indexed="81"/>
            <rFont val="Tahoma"/>
            <family val="2"/>
          </rPr>
          <t>Office Hours for the Tertiary location
(i.e. 9 am-5pm or 9am-12 pm 2pm-5pm, or Closed)</t>
        </r>
      </text>
    </comment>
    <comment ref="BV1" authorId="0" shapeId="0" xr:uid="{00000000-0006-0000-0000-000040000000}">
      <text>
        <r>
          <rPr>
            <sz val="9"/>
            <color indexed="81"/>
            <rFont val="Tahoma"/>
            <family val="2"/>
          </rPr>
          <t>Office Hours for the Tertiary location
(i.e. 9 am-5pm or 9am-12 pm 2pm-5pm, or Closed)</t>
        </r>
      </text>
    </comment>
    <comment ref="BW1" authorId="0" shapeId="0" xr:uid="{00000000-0006-0000-0000-000041000000}">
      <text>
        <r>
          <rPr>
            <sz val="9"/>
            <color indexed="81"/>
            <rFont val="Tahoma"/>
            <family val="2"/>
          </rPr>
          <t xml:space="preserve">Office Hours for the Tertiary location
(i.e. 9 am-5pm or 9am-12 pm 2pm-5pm, or Closed)
</t>
        </r>
      </text>
    </comment>
    <comment ref="BX1" authorId="0" shapeId="0" xr:uid="{00000000-0006-0000-0000-000042000000}">
      <text>
        <r>
          <rPr>
            <sz val="9"/>
            <color indexed="81"/>
            <rFont val="Tahoma"/>
            <family val="2"/>
          </rPr>
          <t xml:space="preserve">Office Hours for the Tertiary location
(i.e. 9 am-5pm or 9am-12 pm 2pm-5pm, or Closed)
</t>
        </r>
      </text>
    </comment>
    <comment ref="BY1" authorId="0" shapeId="0" xr:uid="{00000000-0006-0000-0000-000043000000}">
      <text>
        <r>
          <rPr>
            <sz val="9"/>
            <color indexed="81"/>
            <rFont val="Tahoma"/>
            <family val="2"/>
          </rPr>
          <t>Office Hours for the Tertiary location
(i.e. 9 am-5pm or 9am-12 pm 2pm-5pm, or Closed)</t>
        </r>
      </text>
    </comment>
    <comment ref="CD1" authorId="0" shapeId="0" xr:uid="{00000000-0006-0000-0000-000044000000}">
      <text>
        <r>
          <rPr>
            <sz val="9"/>
            <color indexed="81"/>
            <rFont val="Tahoma"/>
            <family val="2"/>
          </rPr>
          <t xml:space="preserve">Primary office location that will be marketed under IEHP
</t>
        </r>
      </text>
    </comment>
    <comment ref="CE1" authorId="0" shapeId="0" xr:uid="{00000000-0006-0000-0000-000045000000}">
      <text>
        <r>
          <rPr>
            <sz val="9"/>
            <color indexed="81"/>
            <rFont val="Tahoma"/>
            <family val="2"/>
          </rPr>
          <t>Primary office location that will be marketed under IEHP</t>
        </r>
      </text>
    </comment>
    <comment ref="CF1" authorId="0" shapeId="0" xr:uid="{00000000-0006-0000-0000-000046000000}">
      <text>
        <r>
          <rPr>
            <sz val="9"/>
            <color indexed="81"/>
            <rFont val="Tahoma"/>
            <family val="2"/>
          </rPr>
          <t xml:space="preserve">Primary office location that will be marketed under IEHP
</t>
        </r>
      </text>
    </comment>
    <comment ref="CG1" authorId="0" shapeId="0" xr:uid="{00000000-0006-0000-0000-000047000000}">
      <text>
        <r>
          <rPr>
            <sz val="9"/>
            <color indexed="81"/>
            <rFont val="Tahoma"/>
            <family val="2"/>
          </rPr>
          <t xml:space="preserve">Primary office location that will be marketed under IEHP
</t>
        </r>
      </text>
    </comment>
    <comment ref="CH1" authorId="0" shapeId="0" xr:uid="{00000000-0006-0000-0000-000048000000}">
      <text>
        <r>
          <rPr>
            <sz val="9"/>
            <color indexed="81"/>
            <rFont val="Tahoma"/>
            <family val="2"/>
          </rPr>
          <t xml:space="preserve">Primary office location that will be marketed under IEHP
</t>
        </r>
      </text>
    </comment>
    <comment ref="CI1" authorId="0" shapeId="0" xr:uid="{00000000-0006-0000-0000-000049000000}">
      <text>
        <r>
          <rPr>
            <sz val="9"/>
            <color indexed="81"/>
            <rFont val="Tahoma"/>
            <family val="2"/>
          </rPr>
          <t xml:space="preserve">Primary office location that will be marketed under IEHP
</t>
        </r>
      </text>
    </comment>
    <comment ref="CJ1" authorId="0" shapeId="0" xr:uid="{00000000-0006-0000-0000-00004A000000}">
      <text>
        <r>
          <rPr>
            <sz val="9"/>
            <color indexed="81"/>
            <rFont val="Tahoma"/>
            <family val="2"/>
          </rPr>
          <t>Primary office location that will be marketed under IEHP
The IPA is required to submit W-9's for all offices marketed for IEHP</t>
        </r>
      </text>
    </comment>
    <comment ref="CK1" authorId="0" shapeId="0" xr:uid="{00000000-0006-0000-0000-00004B000000}">
      <text>
        <r>
          <rPr>
            <sz val="9"/>
            <color indexed="81"/>
            <rFont val="Tahoma"/>
            <family val="2"/>
          </rPr>
          <t xml:space="preserve">Primary office location that will be marketed under IEHP
IPA's are required to submit contracts (1st &amp; signature page) and any addendums to ensure the provider is contracted affiliated with that contract
</t>
        </r>
      </text>
    </comment>
    <comment ref="CL1" authorId="0" shapeId="0" xr:uid="{00000000-0006-0000-0000-00004C000000}">
      <text>
        <r>
          <rPr>
            <sz val="9"/>
            <color indexed="81"/>
            <rFont val="Tahoma"/>
            <family val="2"/>
          </rPr>
          <t xml:space="preserve">Office Hours for the primary location
(i.e. 9 am-5pm or 9am-12 pm 2pm-5pm, or Closed)
</t>
        </r>
      </text>
    </comment>
    <comment ref="CM1" authorId="0" shapeId="0" xr:uid="{00000000-0006-0000-0000-00004D000000}">
      <text>
        <r>
          <rPr>
            <sz val="9"/>
            <color indexed="81"/>
            <rFont val="Tahoma"/>
            <family val="2"/>
          </rPr>
          <t xml:space="preserve">Office Hours for the primary location
(i.e. 9 am-5pm or 9am-12 pm 2pm-5pm, or Closed)
</t>
        </r>
      </text>
    </comment>
    <comment ref="CN1" authorId="0" shapeId="0" xr:uid="{00000000-0006-0000-0000-00004E000000}">
      <text>
        <r>
          <rPr>
            <sz val="9"/>
            <color indexed="81"/>
            <rFont val="Tahoma"/>
            <family val="2"/>
          </rPr>
          <t xml:space="preserve">Office Hours for the primary location
(i.e. 9 am-5pm or 9am-12 pm 2pm-5pm, or Closed)
</t>
        </r>
      </text>
    </comment>
    <comment ref="CO1" authorId="0" shapeId="0" xr:uid="{00000000-0006-0000-0000-00004F000000}">
      <text>
        <r>
          <rPr>
            <sz val="9"/>
            <color indexed="81"/>
            <rFont val="Tahoma"/>
            <family val="2"/>
          </rPr>
          <t xml:space="preserve">Office Hours for the primary location
(i.e. 9 am-5pm or 9am-12 pm 2pm-5pm, or Closed)
</t>
        </r>
      </text>
    </comment>
    <comment ref="CP1" authorId="0" shapeId="0" xr:uid="{00000000-0006-0000-0000-000050000000}">
      <text>
        <r>
          <rPr>
            <sz val="9"/>
            <color indexed="81"/>
            <rFont val="Tahoma"/>
            <family val="2"/>
          </rPr>
          <t>Office Hours for the primary location
(i.e. 9 am-5pm or 9am-12 pm 2pm-5pm, or Closed)</t>
        </r>
      </text>
    </comment>
    <comment ref="CQ1" authorId="0" shapeId="0" xr:uid="{00000000-0006-0000-0000-000051000000}">
      <text>
        <r>
          <rPr>
            <sz val="9"/>
            <color indexed="81"/>
            <rFont val="Tahoma"/>
            <family val="2"/>
          </rPr>
          <t xml:space="preserve">Office Hours for the primary location
(i.e. 9 am-5pm or 9am-12 pm 2pm-5pm, or Closed)
</t>
        </r>
      </text>
    </comment>
    <comment ref="CR1" authorId="0" shapeId="0" xr:uid="{00000000-0006-0000-0000-000052000000}">
      <text>
        <r>
          <rPr>
            <sz val="9"/>
            <color indexed="81"/>
            <rFont val="Tahoma"/>
            <family val="2"/>
          </rPr>
          <t xml:space="preserve">Office Hours for the primary location
(i.e. 9 am-5pm or 9am-12 pm 2pm-5pm, or Closed)
</t>
        </r>
      </text>
    </comment>
    <comment ref="CW1" authorId="0" shapeId="0" xr:uid="{00000000-0006-0000-0000-000053000000}">
      <text>
        <r>
          <rPr>
            <sz val="9"/>
            <color indexed="81"/>
            <rFont val="Tahoma"/>
            <family val="2"/>
          </rPr>
          <t>Secondary office location that will be marketed under IEHP</t>
        </r>
      </text>
    </comment>
    <comment ref="CX1" authorId="0" shapeId="0" xr:uid="{00000000-0006-0000-0000-000054000000}">
      <text>
        <r>
          <rPr>
            <sz val="9"/>
            <color indexed="81"/>
            <rFont val="Tahoma"/>
            <family val="2"/>
          </rPr>
          <t xml:space="preserve">Secondary office location that will be marketed under IEHP
</t>
        </r>
      </text>
    </comment>
    <comment ref="CY1" authorId="0" shapeId="0" xr:uid="{00000000-0006-0000-0000-000055000000}">
      <text>
        <r>
          <rPr>
            <sz val="9"/>
            <color indexed="81"/>
            <rFont val="Tahoma"/>
            <family val="2"/>
          </rPr>
          <t>Secondary office location that will be marketed under IEHP</t>
        </r>
      </text>
    </comment>
    <comment ref="CZ1" authorId="0" shapeId="0" xr:uid="{00000000-0006-0000-0000-000056000000}">
      <text>
        <r>
          <rPr>
            <sz val="9"/>
            <color indexed="81"/>
            <rFont val="Tahoma"/>
            <family val="2"/>
          </rPr>
          <t xml:space="preserve">Secondary office location that will be marketed under IEHP
</t>
        </r>
      </text>
    </comment>
    <comment ref="DA1" authorId="0" shapeId="0" xr:uid="{00000000-0006-0000-0000-000057000000}">
      <text>
        <r>
          <rPr>
            <sz val="9"/>
            <color indexed="81"/>
            <rFont val="Tahoma"/>
            <family val="2"/>
          </rPr>
          <t xml:space="preserve">Secondary office location that will be marketed under IEHP
</t>
        </r>
      </text>
    </comment>
    <comment ref="DB1" authorId="0" shapeId="0" xr:uid="{00000000-0006-0000-0000-000058000000}">
      <text>
        <r>
          <rPr>
            <sz val="9"/>
            <color indexed="81"/>
            <rFont val="Tahoma"/>
            <family val="2"/>
          </rPr>
          <t xml:space="preserve">Secondary office location that will be marketed under IEHP
</t>
        </r>
      </text>
    </comment>
    <comment ref="DC1" authorId="0" shapeId="0" xr:uid="{00000000-0006-0000-0000-000059000000}">
      <text>
        <r>
          <rPr>
            <sz val="9"/>
            <color indexed="81"/>
            <rFont val="Tahoma"/>
            <family val="2"/>
          </rPr>
          <t xml:space="preserve">Secondary office location that will be marketed under IEHP
The IPA is required to submit W-9's for all offices marketed for IEHP
</t>
        </r>
      </text>
    </comment>
    <comment ref="DD1" authorId="0" shapeId="0" xr:uid="{00000000-0006-0000-0000-00005A000000}">
      <text>
        <r>
          <rPr>
            <sz val="9"/>
            <color indexed="81"/>
            <rFont val="Tahoma"/>
            <family val="2"/>
          </rPr>
          <t xml:space="preserve">Primary office location that will be marketed under IEHP
IPA's are required to submit contracts (1st &amp; signature page) and any addendums to ensure the provider is contracted affiliated with that contract
</t>
        </r>
      </text>
    </comment>
    <comment ref="DE1" authorId="0" shapeId="0" xr:uid="{00000000-0006-0000-0000-00005B000000}">
      <text>
        <r>
          <rPr>
            <sz val="9"/>
            <color indexed="81"/>
            <rFont val="Tahoma"/>
            <family val="2"/>
          </rPr>
          <t>Office Hours for the Secondary location
(i.e. 9 am-5pm or 9am-12 pm 2pm-5pm, or Closed)</t>
        </r>
      </text>
    </comment>
    <comment ref="DF1" authorId="0" shapeId="0" xr:uid="{00000000-0006-0000-0000-00005C000000}">
      <text>
        <r>
          <rPr>
            <sz val="9"/>
            <color indexed="81"/>
            <rFont val="Tahoma"/>
            <family val="2"/>
          </rPr>
          <t>Office Hours for the Secondary location
(i.e. 9 am-5pm or 9am-12 pm 2pm-5pm, or Closed)</t>
        </r>
      </text>
    </comment>
    <comment ref="DG1" authorId="0" shapeId="0" xr:uid="{00000000-0006-0000-0000-00005D000000}">
      <text>
        <r>
          <rPr>
            <sz val="9"/>
            <color indexed="81"/>
            <rFont val="Tahoma"/>
            <family val="2"/>
          </rPr>
          <t>Office Hours for the Secondary location
(i.e. 9 am-5pm or 9am-12 pm 2pm-5pm, or Closed)</t>
        </r>
      </text>
    </comment>
    <comment ref="DH1" authorId="0" shapeId="0" xr:uid="{00000000-0006-0000-0000-00005E000000}">
      <text>
        <r>
          <rPr>
            <sz val="9"/>
            <color indexed="81"/>
            <rFont val="Tahoma"/>
            <family val="2"/>
          </rPr>
          <t xml:space="preserve">Office Hours for the Secondary location
(i.e. 9 am-5pm or 9am-12 pm 2pm-5pm, or Closed)
</t>
        </r>
      </text>
    </comment>
    <comment ref="DI1" authorId="0" shapeId="0" xr:uid="{00000000-0006-0000-0000-00005F000000}">
      <text>
        <r>
          <rPr>
            <sz val="9"/>
            <color indexed="81"/>
            <rFont val="Tahoma"/>
            <family val="2"/>
          </rPr>
          <t xml:space="preserve">Office Hours for the Secondary location
(i.e. 9 am-5pm or 9am-12 pm 2pm-5pm, or Closed)
</t>
        </r>
      </text>
    </comment>
    <comment ref="DJ1" authorId="0" shapeId="0" xr:uid="{00000000-0006-0000-0000-000060000000}">
      <text>
        <r>
          <rPr>
            <sz val="9"/>
            <color indexed="81"/>
            <rFont val="Tahoma"/>
            <family val="2"/>
          </rPr>
          <t xml:space="preserve">Office Hours for the Secondary location
(i.e. 9 am-5pm or 9am-12 pm 2pm-5pm, or Closed)
</t>
        </r>
      </text>
    </comment>
    <comment ref="DK1" authorId="0" shapeId="0" xr:uid="{00000000-0006-0000-0000-000061000000}">
      <text>
        <r>
          <rPr>
            <sz val="9"/>
            <color indexed="81"/>
            <rFont val="Tahoma"/>
            <family val="2"/>
          </rPr>
          <t xml:space="preserve">Office Hours for the Secondary location
(i.e. 9 am-5pm or 9am-12 pm 2pm-5pm, or Closed)
</t>
        </r>
      </text>
    </comment>
    <comment ref="DP1" authorId="0" shapeId="0" xr:uid="{00000000-0006-0000-0000-000062000000}">
      <text>
        <r>
          <rPr>
            <sz val="9"/>
            <color indexed="81"/>
            <rFont val="Tahoma"/>
            <family val="2"/>
          </rPr>
          <t>Tertiary office location that will be marketed under IEHP</t>
        </r>
      </text>
    </comment>
    <comment ref="DQ1" authorId="0" shapeId="0" xr:uid="{00000000-0006-0000-0000-000063000000}">
      <text>
        <r>
          <rPr>
            <sz val="9"/>
            <color indexed="81"/>
            <rFont val="Tahoma"/>
            <family val="2"/>
          </rPr>
          <t xml:space="preserve">Tertiary office location that will be marketed under IEHP
</t>
        </r>
      </text>
    </comment>
    <comment ref="DS1" authorId="0" shapeId="0" xr:uid="{00000000-0006-0000-0000-000064000000}">
      <text>
        <r>
          <rPr>
            <sz val="9"/>
            <color indexed="81"/>
            <rFont val="Tahoma"/>
            <family val="2"/>
          </rPr>
          <t>Tertiary office location that will be marketed under IEHP</t>
        </r>
      </text>
    </comment>
    <comment ref="DT1" authorId="0" shapeId="0" xr:uid="{00000000-0006-0000-0000-000065000000}">
      <text>
        <r>
          <rPr>
            <sz val="9"/>
            <color indexed="81"/>
            <rFont val="Tahoma"/>
            <family val="2"/>
          </rPr>
          <t xml:space="preserve">Tertiary office location that will be marketed under IEHP
</t>
        </r>
      </text>
    </comment>
    <comment ref="DU1" authorId="0" shapeId="0" xr:uid="{00000000-0006-0000-0000-000066000000}">
      <text>
        <r>
          <rPr>
            <sz val="9"/>
            <color indexed="81"/>
            <rFont val="Tahoma"/>
            <family val="2"/>
          </rPr>
          <t>Tertiary office location that will be marketed under IEHP</t>
        </r>
      </text>
    </comment>
    <comment ref="DV1" authorId="0" shapeId="0" xr:uid="{00000000-0006-0000-0000-000067000000}">
      <text>
        <r>
          <rPr>
            <sz val="9"/>
            <color indexed="81"/>
            <rFont val="Tahoma"/>
            <family val="2"/>
          </rPr>
          <t xml:space="preserve">Tertiary office location that will be marketed under IEHP
</t>
        </r>
      </text>
    </comment>
    <comment ref="DW1" authorId="0" shapeId="0" xr:uid="{00000000-0006-0000-0000-000068000000}">
      <text>
        <r>
          <rPr>
            <sz val="9"/>
            <color indexed="81"/>
            <rFont val="Tahoma"/>
            <family val="2"/>
          </rPr>
          <t xml:space="preserve">Tertiary office location that will be marketed under IEHP
</t>
        </r>
      </text>
    </comment>
    <comment ref="DX1" authorId="0" shapeId="0" xr:uid="{00000000-0006-0000-0000-000069000000}">
      <text>
        <r>
          <rPr>
            <sz val="9"/>
            <color indexed="81"/>
            <rFont val="Tahoma"/>
            <family val="2"/>
          </rPr>
          <t xml:space="preserve">Office Hours for the Tertiary location
(i.e. 9 am-5pm or 9am-12 pm 2pm-5pm, or Closed)
</t>
        </r>
      </text>
    </comment>
    <comment ref="DY1" authorId="0" shapeId="0" xr:uid="{00000000-0006-0000-0000-00006A000000}">
      <text>
        <r>
          <rPr>
            <sz val="9"/>
            <color indexed="81"/>
            <rFont val="Tahoma"/>
            <family val="2"/>
          </rPr>
          <t xml:space="preserve">Office Hours for the Tertiary location
(i.e. 9 am-5pm or 9am-12 pm 2pm-5pm, or Closed)
</t>
        </r>
      </text>
    </comment>
    <comment ref="DZ1" authorId="0" shapeId="0" xr:uid="{00000000-0006-0000-0000-00006B000000}">
      <text>
        <r>
          <rPr>
            <sz val="9"/>
            <color indexed="81"/>
            <rFont val="Tahoma"/>
            <family val="2"/>
          </rPr>
          <t>Office Hours for the Tertiary location
(i.e. 9 am-5pm or 9am-12 pm 2pm-5pm, or Closed)</t>
        </r>
      </text>
    </comment>
    <comment ref="EA1" authorId="0" shapeId="0" xr:uid="{00000000-0006-0000-0000-00006C000000}">
      <text>
        <r>
          <rPr>
            <sz val="9"/>
            <color indexed="81"/>
            <rFont val="Tahoma"/>
            <family val="2"/>
          </rPr>
          <t>Office Hours for the Tertiary location
(i.e. 9 am-5pm or 9am-12 pm 2pm-5pm, or Closed)</t>
        </r>
      </text>
    </comment>
    <comment ref="EB1" authorId="0" shapeId="0" xr:uid="{00000000-0006-0000-0000-00006D000000}">
      <text>
        <r>
          <rPr>
            <sz val="9"/>
            <color indexed="81"/>
            <rFont val="Tahoma"/>
            <family val="2"/>
          </rPr>
          <t xml:space="preserve">Office Hours for the Tertiary location
(i.e. 9 am-5pm or 9am-12 pm 2pm-5pm, or Closed)
</t>
        </r>
      </text>
    </comment>
    <comment ref="EC1" authorId="0" shapeId="0" xr:uid="{00000000-0006-0000-0000-00006E000000}">
      <text>
        <r>
          <rPr>
            <sz val="9"/>
            <color indexed="81"/>
            <rFont val="Tahoma"/>
            <family val="2"/>
          </rPr>
          <t xml:space="preserve">Office Hours for the Tertiary location
(i.e. 9 am-5pm or 9am-12 pm 2pm-5pm, or Closed)
</t>
        </r>
      </text>
    </comment>
    <comment ref="ED1" authorId="0" shapeId="0" xr:uid="{00000000-0006-0000-0000-00006F000000}">
      <text>
        <r>
          <rPr>
            <sz val="9"/>
            <color indexed="81"/>
            <rFont val="Tahoma"/>
            <family val="2"/>
          </rPr>
          <t>Office Hours for the Tertiary location
(i.e. 9 am-5pm or 9am-12 pm 2pm-5pm, or Closed)</t>
        </r>
      </text>
    </comment>
    <comment ref="EH1" authorId="0" shapeId="0" xr:uid="{00000000-0006-0000-0000-000070000000}">
      <text>
        <r>
          <rPr>
            <sz val="9"/>
            <color indexed="81"/>
            <rFont val="Tahoma"/>
            <family val="2"/>
          </rPr>
          <t xml:space="preserve">Medical License # as listed on License
</t>
        </r>
      </text>
    </comment>
    <comment ref="EI1" authorId="0" shapeId="0" xr:uid="{00000000-0006-0000-0000-000071000000}">
      <text>
        <r>
          <rPr>
            <sz val="9"/>
            <color indexed="81"/>
            <rFont val="Tahoma"/>
            <family val="2"/>
          </rPr>
          <t xml:space="preserve">Date Medical License expires
(must be current at all times)
</t>
        </r>
      </text>
    </comment>
    <comment ref="EJ1" authorId="0" shapeId="0" xr:uid="{00000000-0006-0000-0000-000072000000}">
      <text>
        <r>
          <rPr>
            <sz val="9"/>
            <color indexed="81"/>
            <rFont val="Tahoma"/>
            <family val="2"/>
          </rPr>
          <t xml:space="preserve">DEA Certificate Number as listed on certificate
</t>
        </r>
      </text>
    </comment>
    <comment ref="EK1" authorId="0" shapeId="0" xr:uid="{00000000-0006-0000-0000-000073000000}">
      <text>
        <r>
          <rPr>
            <sz val="9"/>
            <color indexed="81"/>
            <rFont val="Tahoma"/>
            <family val="2"/>
          </rPr>
          <t xml:space="preserve">Date DEA Certificate expires
(must be current at all times)
</t>
        </r>
      </text>
    </comment>
    <comment ref="EL1" authorId="0" shapeId="0" xr:uid="{00000000-0006-0000-0000-000074000000}">
      <text>
        <r>
          <rPr>
            <sz val="9"/>
            <color indexed="81"/>
            <rFont val="Tahoma"/>
            <family val="2"/>
          </rPr>
          <t>Malpractice Insurance Carrier Information as listed on Certificate
(must be current at all times and applicable to all locations where IEHP patients will be treated)</t>
        </r>
      </text>
    </comment>
    <comment ref="EM1" authorId="0" shapeId="0" xr:uid="{00000000-0006-0000-0000-000075000000}">
      <text>
        <r>
          <rPr>
            <sz val="9"/>
            <color indexed="81"/>
            <rFont val="Tahoma"/>
            <family val="2"/>
          </rPr>
          <t>Malpractice Insurance Carrier Information as listed on Certificate
(must be current at all times and applicable to all locations where IEHP patients will be treated)</t>
        </r>
      </text>
    </comment>
    <comment ref="EN1" authorId="0" shapeId="0" xr:uid="{00000000-0006-0000-0000-000076000000}">
      <text>
        <r>
          <rPr>
            <sz val="9"/>
            <color indexed="81"/>
            <rFont val="Tahoma"/>
            <family val="2"/>
          </rPr>
          <t>Malpractice Insurance Carrier Information as listed on Certificate
(must be current at all times and applicable to all locations where IEHP patients will be treated)</t>
        </r>
      </text>
    </comment>
    <comment ref="EO1" authorId="0" shapeId="0" xr:uid="{00000000-0006-0000-0000-000077000000}">
      <text>
        <r>
          <rPr>
            <sz val="9"/>
            <color indexed="81"/>
            <rFont val="Tahoma"/>
            <family val="2"/>
          </rPr>
          <t xml:space="preserve">Malpractice Insurance Carrier Information as listed on Certificate
(must be current at all times and applicable to all locations where IEHP patients will be treated)
</t>
        </r>
      </text>
    </comment>
    <comment ref="EP1" authorId="0" shapeId="0" xr:uid="{00000000-0006-0000-0000-000078000000}">
      <text>
        <r>
          <rPr>
            <sz val="9"/>
            <color indexed="81"/>
            <rFont val="Tahoma"/>
            <family val="2"/>
          </rPr>
          <t xml:space="preserve">Malpractice Insurance Carrier Information as listed on Certificate
(must be current at all times and applicable to all locations where IEHP patients will be treated)
</t>
        </r>
      </text>
    </comment>
    <comment ref="EQ1" authorId="0" shapeId="0" xr:uid="{00000000-0006-0000-0000-000079000000}">
      <text>
        <r>
          <rPr>
            <sz val="9"/>
            <color indexed="81"/>
            <rFont val="Tahoma"/>
            <family val="2"/>
          </rPr>
          <t xml:space="preserve">Name of IEHP affiliated Hospital, where the provider has admitting privileges
*If the provider is using a Hospitalist, list the name of the IEHP Affiliated Hospital the admitter will be using to admit patients
</t>
        </r>
      </text>
    </comment>
    <comment ref="ER1" authorId="0" shapeId="0" xr:uid="{00000000-0006-0000-0000-00007A000000}">
      <text>
        <r>
          <rPr>
            <sz val="9"/>
            <color indexed="81"/>
            <rFont val="Tahoma"/>
            <family val="2"/>
          </rPr>
          <t xml:space="preserve">List the privilege type the provider has at the IEHP affiliated Hospital (provider must have admitting privileges i.e. Provisional, Active, Courtesy)
*If the provider is using a Hospitalist, List Hospital Admitter and provide the name of the Hospital Admitter (as it's listed on his/her license)
</t>
        </r>
      </text>
    </comment>
    <comment ref="ES1" authorId="0" shapeId="0" xr:uid="{00000000-0006-0000-0000-00007B000000}">
      <text>
        <r>
          <rPr>
            <sz val="9"/>
            <color indexed="81"/>
            <rFont val="Tahoma"/>
            <family val="2"/>
          </rPr>
          <t>List the Specialty privileges the provider has at the IEHP affiliated Hospital (Provider must have privileges for the specialty he/she is listed as under IEHP)
*If the provider is using a Hospitalist, List the Hospitalists' specialty</t>
        </r>
      </text>
    </comment>
    <comment ref="ET1" authorId="0" shapeId="0" xr:uid="{00000000-0006-0000-0000-00007C000000}">
      <text>
        <r>
          <rPr>
            <sz val="9"/>
            <color indexed="81"/>
            <rFont val="Tahoma"/>
            <family val="2"/>
          </rPr>
          <t xml:space="preserve">* If the provider is using a Hospitalist, list the age range for the Hospitalist who will be admitting patients
</t>
        </r>
      </text>
    </comment>
    <comment ref="EU1" authorId="0" shapeId="0" xr:uid="{00000000-0006-0000-0000-00007D000000}">
      <text>
        <r>
          <rPr>
            <sz val="9"/>
            <color indexed="81"/>
            <rFont val="Tahoma"/>
            <family val="2"/>
          </rPr>
          <t xml:space="preserve">Name of IEHP affiliated Hospital, where the provider has admitting privileges
*If the provider is using a Hospitalist, list the name of the IEHP Affiliated Hospital the admitter will be using to admit patients
</t>
        </r>
      </text>
    </comment>
    <comment ref="EV1" authorId="0" shapeId="0" xr:uid="{00000000-0006-0000-0000-00007E000000}">
      <text>
        <r>
          <rPr>
            <sz val="9"/>
            <color indexed="81"/>
            <rFont val="Tahoma"/>
            <family val="2"/>
          </rPr>
          <t>List the privilege type the provider has at the IEHP affiliated Hospital (provider must have admitting privileges i.e. Provisional, Active, Courtesy)
*If the provider is using a Hospitalist, List Hospital Admitter and provide the name of the Hospital Admitter (as it's listed on his/her license)</t>
        </r>
      </text>
    </comment>
    <comment ref="EW1" authorId="0" shapeId="0" xr:uid="{00000000-0006-0000-0000-00007F000000}">
      <text>
        <r>
          <rPr>
            <sz val="9"/>
            <color indexed="81"/>
            <rFont val="Tahoma"/>
            <family val="2"/>
          </rPr>
          <t xml:space="preserve">List the Specialty privileges the provider has at the IEHP affiliated Hospital (Provider must have privileges for the specialty he/she is listed as under IEHP)
*If the provider is using a Hospitalist, List the Hospitalists' specialty
</t>
        </r>
      </text>
    </comment>
    <comment ref="EX1" authorId="0" shapeId="0" xr:uid="{00000000-0006-0000-0000-000080000000}">
      <text>
        <r>
          <rPr>
            <sz val="9"/>
            <color indexed="81"/>
            <rFont val="Tahoma"/>
            <family val="2"/>
          </rPr>
          <t xml:space="preserve">* If the provider is using a Hospitalist, list the age range for the Hospitalist who will be admitting patients
</t>
        </r>
      </text>
    </comment>
    <comment ref="EY1" authorId="0" shapeId="0" xr:uid="{00000000-0006-0000-0000-000081000000}">
      <text>
        <r>
          <rPr>
            <sz val="9"/>
            <color indexed="81"/>
            <rFont val="Tahoma"/>
            <family val="2"/>
          </rPr>
          <t>Name of IEHP affiliated Hospital, where the provider has admitting privileges
*If the provider is using a Hospitalist, list the name of the IEHP Affiliated Hospital the admitter will be using to admit patients</t>
        </r>
      </text>
    </comment>
    <comment ref="EZ1" authorId="0" shapeId="0" xr:uid="{00000000-0006-0000-0000-000082000000}">
      <text>
        <r>
          <rPr>
            <sz val="9"/>
            <color indexed="81"/>
            <rFont val="Tahoma"/>
            <family val="2"/>
          </rPr>
          <t xml:space="preserve">List the privilege type the provider has at the IEHP affiliated Hospital (provider must have admitting privileges i.e. Provisional, Active, Courtesy)
*If the provider is using a Hospitalist, List Hospital Admitter and provide the name of the Hospital Admitter (as it's listed on his/her license)
</t>
        </r>
      </text>
    </comment>
    <comment ref="FA1" authorId="0" shapeId="0" xr:uid="{00000000-0006-0000-0000-000083000000}">
      <text>
        <r>
          <rPr>
            <sz val="9"/>
            <color indexed="81"/>
            <rFont val="Tahoma"/>
            <family val="2"/>
          </rPr>
          <t xml:space="preserve">List the Specialty privileges the provider has at the IEHP affiliated Hospital (Provider must have privileges for the specialty he/she is listed as under IEHP)
*If the provider is using a Hospitalist, List the Hospitalists' specialty
</t>
        </r>
      </text>
    </comment>
    <comment ref="FB1" authorId="0" shapeId="0" xr:uid="{00000000-0006-0000-0000-000084000000}">
      <text>
        <r>
          <rPr>
            <sz val="9"/>
            <color indexed="81"/>
            <rFont val="Tahoma"/>
            <family val="2"/>
          </rPr>
          <t>* If the provider is using a Hospitalist, list the age range for the Hospitalist who will be admitting patients</t>
        </r>
      </text>
    </comment>
    <comment ref="FC1" authorId="0" shapeId="0" xr:uid="{00000000-0006-0000-0000-000085000000}">
      <text>
        <r>
          <rPr>
            <sz val="9"/>
            <color indexed="81"/>
            <rFont val="Tahoma"/>
            <family val="2"/>
          </rPr>
          <t xml:space="preserve">Name of IEHP affiliated Hospital, where the provider has admitting privileges
*If the provider is using a Hospitalist, list the name of the IEHP Affiliated Hospital the admitter will be using to admit patients
</t>
        </r>
      </text>
    </comment>
    <comment ref="FD1" authorId="0" shapeId="0" xr:uid="{00000000-0006-0000-0000-000086000000}">
      <text>
        <r>
          <rPr>
            <sz val="9"/>
            <color indexed="81"/>
            <rFont val="Tahoma"/>
            <family val="2"/>
          </rPr>
          <t xml:space="preserve">List the privilege type the provider has at the IEHP affiliated Hospital (provider must have admitting privileges i.e. Provisional, Active, Courtesy)
*If the provider is using a Hospitalist, List Hospital Admitter and provide the name of the Hospital Admitter (as it's listed on his/her license)
</t>
        </r>
      </text>
    </comment>
    <comment ref="FE1" authorId="0" shapeId="0" xr:uid="{00000000-0006-0000-0000-000087000000}">
      <text>
        <r>
          <rPr>
            <sz val="9"/>
            <color indexed="81"/>
            <rFont val="Tahoma"/>
            <family val="2"/>
          </rPr>
          <t>List the Specialty privileges the provider has at the IEHP affiliated Hospital (Provider must have privileges for the specialty he/she is listed as under IEHP)
*If the provider is using a Hospitalist, List the Hospitalists' specialty</t>
        </r>
      </text>
    </comment>
    <comment ref="FF1" authorId="0" shapeId="0" xr:uid="{00000000-0006-0000-0000-000088000000}">
      <text>
        <r>
          <rPr>
            <sz val="9"/>
            <color indexed="81"/>
            <rFont val="Tahoma"/>
            <family val="2"/>
          </rPr>
          <t xml:space="preserve">* If the provider is using a Hospitalist, list the age range for the Hospitalist who will be admitting patients
</t>
        </r>
      </text>
    </comment>
    <comment ref="FG1" authorId="0" shapeId="0" xr:uid="{00000000-0006-0000-0000-000089000000}">
      <text>
        <r>
          <rPr>
            <sz val="9"/>
            <color indexed="81"/>
            <rFont val="Tahoma"/>
            <family val="2"/>
          </rPr>
          <t xml:space="preserve">Name of IEHP affiliated Hospital, where the provider has admitting privileges
*If the provider is using a Hospitalist, list the name of the IEHP Affiliated Hospital the admitter will be using to admit patients
</t>
        </r>
      </text>
    </comment>
    <comment ref="FH1" authorId="0" shapeId="0" xr:uid="{00000000-0006-0000-0000-00008A000000}">
      <text>
        <r>
          <rPr>
            <sz val="9"/>
            <color indexed="81"/>
            <rFont val="Tahoma"/>
            <family val="2"/>
          </rPr>
          <t>List the privilege type the provider has at the IEHP affiliated Hospital (provider must have admitting privileges i.e. Provisional, Active, Courtesy)
*If the provider is using a Hospitalist, List Hospital Admitter and provide the name of the Hospital Admitter (as it's listed on his/her license)</t>
        </r>
      </text>
    </comment>
    <comment ref="FI1" authorId="0" shapeId="0" xr:uid="{00000000-0006-0000-0000-00008B000000}">
      <text>
        <r>
          <rPr>
            <sz val="9"/>
            <color indexed="81"/>
            <rFont val="Tahoma"/>
            <family val="2"/>
          </rPr>
          <t xml:space="preserve">List the Specialty privileges the provider has at the IEHP affiliated Hospital (Provider must have privileges for the specialty he/she is listed as under IEHP)
*If the provider is using a Hospitalist, List the Hospitalists' specialty
</t>
        </r>
      </text>
    </comment>
    <comment ref="FJ1" authorId="0" shapeId="0" xr:uid="{00000000-0006-0000-0000-00008C000000}">
      <text>
        <r>
          <rPr>
            <sz val="9"/>
            <color indexed="81"/>
            <rFont val="Tahoma"/>
            <family val="2"/>
          </rPr>
          <t xml:space="preserve">* If the provider is using a Hospitalist, list the age range for the Hospitalist who will be admitting patients
</t>
        </r>
      </text>
    </comment>
    <comment ref="FK1" authorId="0" shapeId="0" xr:uid="{00000000-0006-0000-0000-00008D000000}">
      <text>
        <r>
          <rPr>
            <sz val="9"/>
            <color indexed="81"/>
            <rFont val="Tahoma"/>
            <family val="2"/>
          </rPr>
          <t>Name of IEHP affiliated Hospital, where the provider has admitting privileges
*If the provider is using a Hospitalist, list the name of the IEHP Affiliated Hospital the admitter will be using to admit patients</t>
        </r>
      </text>
    </comment>
    <comment ref="FL1" authorId="0" shapeId="0" xr:uid="{00000000-0006-0000-0000-00008E000000}">
      <text>
        <r>
          <rPr>
            <sz val="9"/>
            <color indexed="81"/>
            <rFont val="Tahoma"/>
            <family val="2"/>
          </rPr>
          <t xml:space="preserve">List the privilege type the provider has at the IEHP affiliated Hospital (provider must have admitting privileges i.e. Provisional, Active, Courtesy)
*If the provider is using a Hospitalist, List Hospital Admitter and provide the name of the Hospital Admitter (as it's listed on his/her license)
</t>
        </r>
      </text>
    </comment>
    <comment ref="FM1" authorId="0" shapeId="0" xr:uid="{00000000-0006-0000-0000-00008F000000}">
      <text>
        <r>
          <rPr>
            <sz val="9"/>
            <color indexed="81"/>
            <rFont val="Tahoma"/>
            <family val="2"/>
          </rPr>
          <t xml:space="preserve">List the Specialty privileges the provider has at the IEHP affiliated Hospital (Provider must have privileges for the specialty he/she is listed as under IEHP)
*If the provider is using a Hospitalist, List the Hospitalists' specialty
</t>
        </r>
      </text>
    </comment>
    <comment ref="FN1" authorId="0" shapeId="0" xr:uid="{00000000-0006-0000-0000-000090000000}">
      <text>
        <r>
          <rPr>
            <sz val="9"/>
            <color indexed="81"/>
            <rFont val="Tahoma"/>
            <family val="2"/>
          </rPr>
          <t>* If the provider is using a Hospitalist, list the age range for the Hospitalist who will be admitting patients</t>
        </r>
      </text>
    </comment>
    <comment ref="FO1" authorId="0" shapeId="0" xr:uid="{00000000-0006-0000-0000-000091000000}">
      <text>
        <r>
          <rPr>
            <sz val="9"/>
            <color indexed="81"/>
            <rFont val="Tahoma"/>
            <family val="2"/>
          </rPr>
          <t>Name of the Board who issued the certification (i.e. American Board of Internal Medicine)</t>
        </r>
      </text>
    </comment>
    <comment ref="FP1" authorId="0" shapeId="0" xr:uid="{00000000-0006-0000-0000-000092000000}">
      <text>
        <r>
          <rPr>
            <sz val="9"/>
            <color indexed="81"/>
            <rFont val="Tahoma"/>
            <family val="2"/>
          </rPr>
          <t xml:space="preserve">Specialty in which the provider holds the certification (i.e. Gastroenterology, Critical Care Medicine, Internal Medicine)
</t>
        </r>
      </text>
    </comment>
    <comment ref="FQ1" authorId="0" shapeId="0" xr:uid="{00000000-0006-0000-0000-000093000000}">
      <text>
        <r>
          <rPr>
            <sz val="9"/>
            <color indexed="81"/>
            <rFont val="Tahoma"/>
            <family val="2"/>
          </rPr>
          <t xml:space="preserve">Status of the Board Certification (i.e. Active, Expired)
</t>
        </r>
      </text>
    </comment>
    <comment ref="FR1" authorId="0" shapeId="0" xr:uid="{00000000-0006-0000-0000-000094000000}">
      <text>
        <r>
          <rPr>
            <sz val="9"/>
            <color indexed="81"/>
            <rFont val="Tahoma"/>
            <family val="2"/>
          </rPr>
          <t xml:space="preserve">Board Certification Effective Date
</t>
        </r>
      </text>
    </comment>
    <comment ref="FS1" authorId="0" shapeId="0" xr:uid="{00000000-0006-0000-0000-000095000000}">
      <text>
        <r>
          <rPr>
            <sz val="9"/>
            <color indexed="81"/>
            <rFont val="Tahoma"/>
            <family val="2"/>
          </rPr>
          <t xml:space="preserve">Board Certification Expiration Date (Lifetime Certification, please list lifetime or leave blank)
</t>
        </r>
      </text>
    </comment>
    <comment ref="FT1" authorId="0" shapeId="0" xr:uid="{00000000-0006-0000-0000-000096000000}">
      <text>
        <r>
          <rPr>
            <sz val="9"/>
            <color indexed="81"/>
            <rFont val="Tahoma"/>
            <family val="2"/>
          </rPr>
          <t>Board Verification Date (if applicable)</t>
        </r>
      </text>
    </comment>
    <comment ref="FU1" authorId="0" shapeId="0" xr:uid="{00000000-0006-0000-0000-000097000000}">
      <text>
        <r>
          <rPr>
            <sz val="9"/>
            <color indexed="81"/>
            <rFont val="Tahoma"/>
            <family val="2"/>
          </rPr>
          <t xml:space="preserve">Name of the Board who issued the certification (i.e. American Board of Internal Medicine)
</t>
        </r>
      </text>
    </comment>
    <comment ref="FV1" authorId="0" shapeId="0" xr:uid="{00000000-0006-0000-0000-000098000000}">
      <text>
        <r>
          <rPr>
            <sz val="9"/>
            <color indexed="81"/>
            <rFont val="Tahoma"/>
            <family val="2"/>
          </rPr>
          <t xml:space="preserve">Specialty in which the provider holds the certification (i.e. Gastroenterology, Critical Care Medicine, Internal Medicine)
</t>
        </r>
      </text>
    </comment>
    <comment ref="FW1" authorId="0" shapeId="0" xr:uid="{00000000-0006-0000-0000-000099000000}">
      <text>
        <r>
          <rPr>
            <sz val="9"/>
            <color indexed="81"/>
            <rFont val="Tahoma"/>
            <family val="2"/>
          </rPr>
          <t xml:space="preserve">Status of the Board Certification (i.e. Active, Expired)
</t>
        </r>
      </text>
    </comment>
    <comment ref="FX1" authorId="0" shapeId="0" xr:uid="{00000000-0006-0000-0000-00009A000000}">
      <text>
        <r>
          <rPr>
            <sz val="9"/>
            <color indexed="81"/>
            <rFont val="Tahoma"/>
            <family val="2"/>
          </rPr>
          <t xml:space="preserve">Board Certification Effective Date
</t>
        </r>
      </text>
    </comment>
    <comment ref="FY1" authorId="0" shapeId="0" xr:uid="{00000000-0006-0000-0000-00009B000000}">
      <text>
        <r>
          <rPr>
            <sz val="9"/>
            <color indexed="81"/>
            <rFont val="Tahoma"/>
            <family val="2"/>
          </rPr>
          <t xml:space="preserve">Board Certification Expiration Date (Lifetime Certification, please list lifetime or leave blank)
</t>
        </r>
      </text>
    </comment>
    <comment ref="FZ1" authorId="0" shapeId="0" xr:uid="{00000000-0006-0000-0000-00009C000000}">
      <text>
        <r>
          <rPr>
            <sz val="9"/>
            <color indexed="81"/>
            <rFont val="Tahoma"/>
            <family val="2"/>
          </rPr>
          <t xml:space="preserve">Board Verification Date (if applicable)
</t>
        </r>
      </text>
    </comment>
    <comment ref="GA1" authorId="0" shapeId="0" xr:uid="{00000000-0006-0000-0000-00009D000000}">
      <text>
        <r>
          <rPr>
            <sz val="9"/>
            <color indexed="81"/>
            <rFont val="Tahoma"/>
            <family val="2"/>
          </rPr>
          <t xml:space="preserve">Name of the Board who issued the certification (i.e. American Board of Internal Medicine)
</t>
        </r>
      </text>
    </comment>
    <comment ref="GB1" authorId="0" shapeId="0" xr:uid="{00000000-0006-0000-0000-00009E000000}">
      <text>
        <r>
          <rPr>
            <sz val="9"/>
            <color indexed="81"/>
            <rFont val="Tahoma"/>
            <family val="2"/>
          </rPr>
          <t>Specialty in which the provider holds the certification (i.e. Gastroenterology, Critical Care Medicine, Internal Medicine)</t>
        </r>
      </text>
    </comment>
    <comment ref="GC1" authorId="0" shapeId="0" xr:uid="{00000000-0006-0000-0000-00009F000000}">
      <text>
        <r>
          <rPr>
            <sz val="9"/>
            <color indexed="81"/>
            <rFont val="Tahoma"/>
            <family val="2"/>
          </rPr>
          <t xml:space="preserve">Status of the Board Certification (i.e. Active, Expired)
</t>
        </r>
      </text>
    </comment>
    <comment ref="GD1" authorId="0" shapeId="0" xr:uid="{00000000-0006-0000-0000-0000A0000000}">
      <text>
        <r>
          <rPr>
            <sz val="9"/>
            <color indexed="81"/>
            <rFont val="Tahoma"/>
            <family val="2"/>
          </rPr>
          <t xml:space="preserve">Board Certification Effective Date
</t>
        </r>
      </text>
    </comment>
    <comment ref="GE1" authorId="0" shapeId="0" xr:uid="{00000000-0006-0000-0000-0000A1000000}">
      <text>
        <r>
          <rPr>
            <sz val="9"/>
            <color indexed="81"/>
            <rFont val="Tahoma"/>
            <family val="2"/>
          </rPr>
          <t xml:space="preserve">Board Certification Expiration Date (Lifetime Certification, please list lifetime or leave blank)
</t>
        </r>
      </text>
    </comment>
    <comment ref="GF1" authorId="0" shapeId="0" xr:uid="{00000000-0006-0000-0000-0000A2000000}">
      <text>
        <r>
          <rPr>
            <sz val="9"/>
            <color indexed="81"/>
            <rFont val="Tahoma"/>
            <family val="2"/>
          </rPr>
          <t>Board Verification Date (if applicable)</t>
        </r>
      </text>
    </comment>
    <comment ref="GG1" authorId="0" shapeId="0" xr:uid="{00000000-0006-0000-0000-0000A3000000}">
      <text>
        <r>
          <rPr>
            <sz val="9"/>
            <color indexed="81"/>
            <rFont val="Tahoma"/>
            <family val="2"/>
          </rPr>
          <t xml:space="preserve">Name of Medical School
</t>
        </r>
      </text>
    </comment>
    <comment ref="GH1" authorId="0" shapeId="0" xr:uid="{00000000-0006-0000-0000-0000A4000000}">
      <text>
        <r>
          <rPr>
            <sz val="9"/>
            <color indexed="81"/>
            <rFont val="Tahoma"/>
            <family val="2"/>
          </rPr>
          <t xml:space="preserve">Date practitioner completed medical school
</t>
        </r>
      </text>
    </comment>
    <comment ref="GI1" authorId="0" shapeId="0" xr:uid="{00000000-0006-0000-0000-0000A5000000}">
      <text>
        <r>
          <rPr>
            <sz val="9"/>
            <color indexed="81"/>
            <rFont val="Tahoma"/>
            <family val="2"/>
          </rPr>
          <t>Name of Internship Institution</t>
        </r>
      </text>
    </comment>
    <comment ref="GJ1" authorId="0" shapeId="0" xr:uid="{00000000-0006-0000-0000-0000A6000000}">
      <text>
        <r>
          <rPr>
            <sz val="9"/>
            <color indexed="81"/>
            <rFont val="Tahoma"/>
            <family val="2"/>
          </rPr>
          <t xml:space="preserve">Type of Internship
</t>
        </r>
      </text>
    </comment>
    <comment ref="GK1" authorId="0" shapeId="0" xr:uid="{00000000-0006-0000-0000-0000A7000000}">
      <text>
        <r>
          <rPr>
            <sz val="9"/>
            <color indexed="81"/>
            <rFont val="Tahoma"/>
            <family val="2"/>
          </rPr>
          <t xml:space="preserve">Start Date of Internship
</t>
        </r>
      </text>
    </comment>
    <comment ref="GL1" authorId="0" shapeId="0" xr:uid="{00000000-0006-0000-0000-0000A8000000}">
      <text>
        <r>
          <rPr>
            <sz val="9"/>
            <color indexed="81"/>
            <rFont val="Tahoma"/>
            <family val="2"/>
          </rPr>
          <t xml:space="preserve">End Date of Internship
</t>
        </r>
      </text>
    </comment>
    <comment ref="GM1" authorId="0" shapeId="0" xr:uid="{00000000-0006-0000-0000-0000A9000000}">
      <text>
        <r>
          <rPr>
            <sz val="9"/>
            <color indexed="81"/>
            <rFont val="Tahoma"/>
            <family val="2"/>
          </rPr>
          <t xml:space="preserve">Name of residency Institution
</t>
        </r>
      </text>
    </comment>
    <comment ref="GN1" authorId="0" shapeId="0" xr:uid="{00000000-0006-0000-0000-0000AA000000}">
      <text>
        <r>
          <rPr>
            <sz val="9"/>
            <color indexed="81"/>
            <rFont val="Tahoma"/>
            <family val="2"/>
          </rPr>
          <t xml:space="preserve">Type of Training
</t>
        </r>
      </text>
    </comment>
    <comment ref="GO1" authorId="0" shapeId="0" xr:uid="{00000000-0006-0000-0000-0000AB000000}">
      <text>
        <r>
          <rPr>
            <sz val="9"/>
            <color indexed="81"/>
            <rFont val="Tahoma"/>
            <family val="2"/>
          </rPr>
          <t xml:space="preserve">Start Date of residency
</t>
        </r>
      </text>
    </comment>
    <comment ref="GP1" authorId="0" shapeId="0" xr:uid="{00000000-0006-0000-0000-0000AC000000}">
      <text>
        <r>
          <rPr>
            <sz val="9"/>
            <color indexed="81"/>
            <rFont val="Tahoma"/>
            <family val="2"/>
          </rPr>
          <t xml:space="preserve">End Date of residency
</t>
        </r>
      </text>
    </comment>
    <comment ref="GQ1" authorId="0" shapeId="0" xr:uid="{00000000-0006-0000-0000-0000AD000000}">
      <text>
        <r>
          <rPr>
            <sz val="9"/>
            <color indexed="81"/>
            <rFont val="Tahoma"/>
            <family val="2"/>
          </rPr>
          <t xml:space="preserve">Name of residency Institution
</t>
        </r>
      </text>
    </comment>
    <comment ref="GR1" authorId="0" shapeId="0" xr:uid="{00000000-0006-0000-0000-0000AE000000}">
      <text>
        <r>
          <rPr>
            <sz val="9"/>
            <color indexed="81"/>
            <rFont val="Tahoma"/>
            <family val="2"/>
          </rPr>
          <t xml:space="preserve">Type of Training
</t>
        </r>
      </text>
    </comment>
    <comment ref="GS1" authorId="0" shapeId="0" xr:uid="{00000000-0006-0000-0000-0000AF000000}">
      <text>
        <r>
          <rPr>
            <sz val="9"/>
            <color indexed="81"/>
            <rFont val="Tahoma"/>
            <family val="2"/>
          </rPr>
          <t xml:space="preserve">Start Date of residency
</t>
        </r>
      </text>
    </comment>
    <comment ref="GT1" authorId="0" shapeId="0" xr:uid="{00000000-0006-0000-0000-0000B0000000}">
      <text>
        <r>
          <rPr>
            <sz val="9"/>
            <color indexed="81"/>
            <rFont val="Tahoma"/>
            <family val="2"/>
          </rPr>
          <t xml:space="preserve">End Date of residency
</t>
        </r>
      </text>
    </comment>
    <comment ref="GU1" authorId="0" shapeId="0" xr:uid="{00000000-0006-0000-0000-0000B1000000}">
      <text>
        <r>
          <rPr>
            <sz val="9"/>
            <color indexed="81"/>
            <rFont val="Tahoma"/>
            <family val="2"/>
          </rPr>
          <t xml:space="preserve">Name of Fellowship Institution
</t>
        </r>
      </text>
    </comment>
    <comment ref="GV1" authorId="0" shapeId="0" xr:uid="{00000000-0006-0000-0000-0000B2000000}">
      <text>
        <r>
          <rPr>
            <sz val="9"/>
            <color indexed="81"/>
            <rFont val="Tahoma"/>
            <family val="2"/>
          </rPr>
          <t xml:space="preserve">Type of Training
</t>
        </r>
      </text>
    </comment>
    <comment ref="GW1" authorId="0" shapeId="0" xr:uid="{00000000-0006-0000-0000-0000B3000000}">
      <text>
        <r>
          <rPr>
            <sz val="9"/>
            <color indexed="81"/>
            <rFont val="Tahoma"/>
            <family val="2"/>
          </rPr>
          <t xml:space="preserve">Start Date of Fellowship
</t>
        </r>
      </text>
    </comment>
    <comment ref="GX1" authorId="0" shapeId="0" xr:uid="{00000000-0006-0000-0000-0000B4000000}">
      <text>
        <r>
          <rPr>
            <sz val="9"/>
            <color indexed="81"/>
            <rFont val="Tahoma"/>
            <family val="2"/>
          </rPr>
          <t xml:space="preserve">End Date of Fellowship
</t>
        </r>
      </text>
    </comment>
    <comment ref="GY1" authorId="0" shapeId="0" xr:uid="{00000000-0006-0000-0000-0000B5000000}">
      <text>
        <r>
          <rPr>
            <sz val="9"/>
            <color indexed="81"/>
            <rFont val="Tahoma"/>
            <family val="2"/>
          </rPr>
          <t xml:space="preserve">Name of Fellowship Institution
</t>
        </r>
      </text>
    </comment>
    <comment ref="GZ1" authorId="0" shapeId="0" xr:uid="{00000000-0006-0000-0000-0000B6000000}">
      <text>
        <r>
          <rPr>
            <sz val="9"/>
            <color indexed="81"/>
            <rFont val="Tahoma"/>
            <family val="2"/>
          </rPr>
          <t xml:space="preserve">Type of Training
</t>
        </r>
      </text>
    </comment>
    <comment ref="HA1" authorId="0" shapeId="0" xr:uid="{00000000-0006-0000-0000-0000B7000000}">
      <text>
        <r>
          <rPr>
            <sz val="9"/>
            <color indexed="81"/>
            <rFont val="Tahoma"/>
            <family val="2"/>
          </rPr>
          <t xml:space="preserve">Start Date of Fellowship
</t>
        </r>
      </text>
    </comment>
    <comment ref="HB1" authorId="0" shapeId="0" xr:uid="{00000000-0006-0000-0000-0000B8000000}">
      <text>
        <r>
          <rPr>
            <sz val="9"/>
            <color indexed="81"/>
            <rFont val="Tahoma"/>
            <family val="2"/>
          </rPr>
          <t>End Date of Fellowship</t>
        </r>
      </text>
    </comment>
  </commentList>
</comments>
</file>

<file path=xl/comments2.xml><?xml version="1.0" encoding="utf-8"?>
<comments xmlns="http://schemas.openxmlformats.org/spreadsheetml/2006/main" xmlns:mc="http://schemas.openxmlformats.org/markup-compatibility/2006" xmlns:xr="http://schemas.microsoft.com/office/spreadsheetml/2014/revision" mc:Ignorable="xr">
  <authors>
    <author>i3654</author>
  </authors>
  <commentList>
    <comment ref="A1" authorId="0" shapeId="0" xr:uid="{00000000-0006-0000-0100-000001000000}">
      <text>
        <r>
          <rPr>
            <sz val="9"/>
            <color indexed="81"/>
            <rFont val="Tahoma"/>
            <family val="2"/>
          </rPr>
          <t xml:space="preserve">IPA Name
</t>
        </r>
      </text>
    </comment>
    <comment ref="B1" authorId="0" shapeId="0" xr:uid="{00000000-0006-0000-0100-000002000000}">
      <text>
        <r>
          <rPr>
            <sz val="9"/>
            <color indexed="81"/>
            <rFont val="Tahoma"/>
            <family val="2"/>
          </rPr>
          <t>Identify whether packet is Initial or Recredentialing</t>
        </r>
      </text>
    </comment>
    <comment ref="C1" authorId="0" shapeId="0" xr:uid="{00000000-0006-0000-0100-000003000000}">
      <text>
        <r>
          <rPr>
            <sz val="9"/>
            <color indexed="81"/>
            <rFont val="Tahoma"/>
            <family val="2"/>
          </rPr>
          <t xml:space="preserve">Provider's Credentialing Approval Date
</t>
        </r>
      </text>
    </comment>
    <comment ref="D1" authorId="0" shapeId="0" xr:uid="{00000000-0006-0000-0100-000004000000}">
      <text>
        <r>
          <rPr>
            <sz val="9"/>
            <color indexed="81"/>
            <rFont val="Tahoma"/>
            <family val="2"/>
          </rPr>
          <t xml:space="preserve">Provider's Recredentialing Approval Date
</t>
        </r>
      </text>
    </comment>
    <comment ref="E1" authorId="0" shapeId="0" xr:uid="{00000000-0006-0000-0100-000005000000}">
      <text>
        <r>
          <rPr>
            <sz val="9"/>
            <color indexed="81"/>
            <rFont val="Tahoma"/>
            <family val="2"/>
          </rPr>
          <t xml:space="preserve">Identify whether the practitioner is a Specialist, PCP or Both
</t>
        </r>
      </text>
    </comment>
    <comment ref="F1" authorId="0" shapeId="0" xr:uid="{00000000-0006-0000-0100-000006000000}">
      <text>
        <r>
          <rPr>
            <sz val="9"/>
            <color indexed="81"/>
            <rFont val="Tahoma"/>
            <family val="2"/>
          </rPr>
          <t xml:space="preserve">Last Name as Listed on License
</t>
        </r>
      </text>
    </comment>
    <comment ref="G1" authorId="0" shapeId="0" xr:uid="{00000000-0006-0000-0100-000007000000}">
      <text>
        <r>
          <rPr>
            <sz val="9"/>
            <color indexed="81"/>
            <rFont val="Tahoma"/>
            <family val="2"/>
          </rPr>
          <t>First Name as Listed on License</t>
        </r>
      </text>
    </comment>
    <comment ref="H1" authorId="0" shapeId="0" xr:uid="{00000000-0006-0000-0100-000008000000}">
      <text>
        <r>
          <rPr>
            <sz val="9"/>
            <color indexed="81"/>
            <rFont val="Tahoma"/>
            <family val="2"/>
          </rPr>
          <t xml:space="preserve">First Letter of Middle Name as Listed on License
</t>
        </r>
      </text>
    </comment>
    <comment ref="I1" authorId="0" shapeId="0" xr:uid="{00000000-0006-0000-0100-000009000000}">
      <text>
        <r>
          <rPr>
            <sz val="9"/>
            <color indexed="81"/>
            <rFont val="Tahoma"/>
            <family val="2"/>
          </rPr>
          <t>Suffix (i.e. Jr., Sr., III…) as listed on License</t>
        </r>
      </text>
    </comment>
    <comment ref="J1" authorId="0" shapeId="0" xr:uid="{00000000-0006-0000-0100-00000A000000}">
      <text>
        <r>
          <rPr>
            <sz val="9"/>
            <color indexed="81"/>
            <rFont val="Tahoma"/>
            <family val="2"/>
          </rPr>
          <t xml:space="preserve">Degree
M.D. (Medical Doctor)
D.O.(Doctor of Osteopathic Medicine)
D.P.M. (Podiatry)
L.M.F.T. (Licensed Marriage Family Therapist)
L.C.S.W. (Licensed Clinical Social Worker)
Ph.D., Psy.D. (Doctor of Psychology)
D.C. (Doctors of Chiropractic)
L.Ac. (Acupuncture)
D.D.S. (Doctor of Dental Surgery)
D.M.D. (Doctor of Medicine in Dentistry)
O.T. (Occupational Therapy)
O.D. (Optometry Doctor)
P.T. (Physical Therapist)
P.A. (Physician Assistant)
C.N.M. (Certified Nurse Midwife)
N.P. (Nurse Practitioner)
S.P. (Speech Pathology)
Au. (Audiology)
H.A. (Hearing Aids Dispenser)
</t>
        </r>
      </text>
    </comment>
    <comment ref="K1" authorId="0" shapeId="0" xr:uid="{00000000-0006-0000-0100-00000B000000}">
      <text>
        <r>
          <rPr>
            <sz val="9"/>
            <color indexed="81"/>
            <rFont val="Tahoma"/>
            <family val="2"/>
          </rPr>
          <t xml:space="preserve">Please provide the Providers Individual NPI
</t>
        </r>
      </text>
    </comment>
    <comment ref="L1" authorId="0" shapeId="0" xr:uid="{00000000-0006-0000-0100-00000C000000}">
      <text>
        <r>
          <rPr>
            <sz val="9"/>
            <color indexed="81"/>
            <rFont val="Tahoma"/>
            <family val="2"/>
          </rPr>
          <t xml:space="preserve">Social Security Number (optional)
</t>
        </r>
      </text>
    </comment>
    <comment ref="M1" authorId="0" shapeId="0" xr:uid="{00000000-0006-0000-0100-00000D000000}">
      <text>
        <r>
          <rPr>
            <sz val="9"/>
            <color indexed="81"/>
            <rFont val="Tahoma"/>
            <family val="2"/>
          </rPr>
          <t xml:space="preserve">Date of Birth
</t>
        </r>
      </text>
    </comment>
    <comment ref="N1" authorId="0" shapeId="0" xr:uid="{00000000-0006-0000-0100-00000E000000}">
      <text>
        <r>
          <rPr>
            <sz val="9"/>
            <color indexed="81"/>
            <rFont val="Tahoma"/>
            <family val="2"/>
          </rPr>
          <t xml:space="preserve">Please identify whether the provide is Male or Female
</t>
        </r>
      </text>
    </comment>
    <comment ref="O1" authorId="0" shapeId="0" xr:uid="{00000000-0006-0000-0100-00000F000000}">
      <text>
        <r>
          <rPr>
            <sz val="9"/>
            <color indexed="81"/>
            <rFont val="Tahoma"/>
            <family val="2"/>
          </rPr>
          <t xml:space="preserve">Provider's cultural background (Optional)
</t>
        </r>
      </text>
    </comment>
    <comment ref="P1" authorId="0" shapeId="0" xr:uid="{00000000-0006-0000-0100-000010000000}">
      <text>
        <r>
          <rPr>
            <sz val="9"/>
            <color indexed="81"/>
            <rFont val="Tahoma"/>
            <family val="2"/>
          </rPr>
          <t xml:space="preserve">Foreign Language Spoken (Fluently by Physician)
</t>
        </r>
      </text>
    </comment>
    <comment ref="Q1" authorId="0" shapeId="0" xr:uid="{00000000-0006-0000-0100-000011000000}">
      <text>
        <r>
          <rPr>
            <sz val="9"/>
            <color indexed="81"/>
            <rFont val="Tahoma"/>
            <family val="2"/>
          </rPr>
          <t xml:space="preserve">Foreign Language Spoken (Fluently by Physician)
</t>
        </r>
      </text>
    </comment>
    <comment ref="R1" authorId="0" shapeId="0" xr:uid="{00000000-0006-0000-0100-000012000000}">
      <text>
        <r>
          <rPr>
            <sz val="9"/>
            <color indexed="81"/>
            <rFont val="Tahoma"/>
            <family val="2"/>
          </rPr>
          <t xml:space="preserve">Foreign Language Spoken (Fluently by Physician)
</t>
        </r>
      </text>
    </comment>
    <comment ref="S1" authorId="0" shapeId="0" xr:uid="{00000000-0006-0000-0100-000013000000}">
      <text>
        <r>
          <rPr>
            <sz val="9"/>
            <color indexed="81"/>
            <rFont val="Tahoma"/>
            <family val="2"/>
          </rPr>
          <t xml:space="preserve">Provider's primary specialty
IEHP does not accept the following provider are not delegated to the IPA, therefore do not submit:
L.M.F.T. (Licensed Marriage Family Therapist)
L.C.S.W. (Licensed Clinical Social Worker)
Ph.D., Psy.D. (Doctor of Psychology)
L.Ac. (Acupuncture)
O.D. (Optometry Doctor)
For General Practice providers in the IEHP network, IPA's are required to submit CME records for the last three years </t>
        </r>
      </text>
    </comment>
    <comment ref="T1" authorId="0" shapeId="0" xr:uid="{00000000-0006-0000-0100-000014000000}">
      <text>
        <r>
          <rPr>
            <sz val="9"/>
            <color indexed="81"/>
            <rFont val="Tahoma"/>
            <family val="2"/>
          </rPr>
          <t xml:space="preserve">Provider's primary specialty
IEHP does not accept the following provider are not delegated to the IPA, therefore do not submit:
L.M.F.T. (Licensed Marriage Family Therapist)
L.C.S.W. (Licensed Clinical Social Worker)
Ph.D., Psy.D. (Doctor of Psychology)
L.Ac. (Acupuncture)
O.D. (Optometry Doctor)
For General Practice providers in the IEHP network, IPA's are required to submit CME records for the last three years </t>
        </r>
      </text>
    </comment>
    <comment ref="U1" authorId="0" shapeId="0" xr:uid="{00000000-0006-0000-0100-000015000000}">
      <text>
        <r>
          <rPr>
            <sz val="9"/>
            <color indexed="81"/>
            <rFont val="Tahoma"/>
            <family val="2"/>
          </rPr>
          <t xml:space="preserve">Please provide any age limitations for the provider
</t>
        </r>
      </text>
    </comment>
    <comment ref="V1" authorId="0" shapeId="0" xr:uid="{00000000-0006-0000-0100-000016000000}">
      <text>
        <r>
          <rPr>
            <sz val="9"/>
            <color indexed="81"/>
            <rFont val="Tahoma"/>
            <family val="2"/>
          </rPr>
          <t>Applicable to Mid Level Practitioners only (Physician Assistants &amp; Nurse Practitioners) Please provide the name of the Supervising Physician
IPA's are required to submit the Delegation of Services Agreement, Supervising Physician Form, Standardized Procedures, as applicable</t>
        </r>
      </text>
    </comment>
    <comment ref="W1" authorId="0" shapeId="0" xr:uid="{00000000-0006-0000-0100-000017000000}">
      <text>
        <r>
          <rPr>
            <sz val="9"/>
            <color indexed="81"/>
            <rFont val="Tahoma"/>
            <family val="2"/>
          </rPr>
          <t xml:space="preserve">Applicable to Mid Level Practitioners only (Physician Assistants &amp; Nurse Practitioners) Please provide the name of the Supervising Physician
IPA's are required to submit the Delegation of Services Agreement, Supervising Physician Form, Standardized Procedures, as applicable
</t>
        </r>
      </text>
    </comment>
    <comment ref="Y1" authorId="0" shapeId="0" xr:uid="{00000000-0006-0000-0100-000018000000}">
      <text>
        <r>
          <rPr>
            <sz val="9"/>
            <color indexed="81"/>
            <rFont val="Tahoma"/>
            <family val="2"/>
          </rPr>
          <t xml:space="preserve">Primary office location that will be marketed under IEHP
</t>
        </r>
      </text>
    </comment>
    <comment ref="Z1" authorId="0" shapeId="0" xr:uid="{00000000-0006-0000-0100-000019000000}">
      <text>
        <r>
          <rPr>
            <sz val="9"/>
            <color indexed="81"/>
            <rFont val="Tahoma"/>
            <family val="2"/>
          </rPr>
          <t>Primary office location that will be marketed under IEHP</t>
        </r>
      </text>
    </comment>
    <comment ref="AA1" authorId="0" shapeId="0" xr:uid="{00000000-0006-0000-0100-00001A000000}">
      <text>
        <r>
          <rPr>
            <sz val="9"/>
            <color indexed="81"/>
            <rFont val="Tahoma"/>
            <family val="2"/>
          </rPr>
          <t xml:space="preserve">Primary office location that will be marketed under IEHP
</t>
        </r>
      </text>
    </comment>
    <comment ref="AB1" authorId="0" shapeId="0" xr:uid="{00000000-0006-0000-0100-00001B000000}">
      <text>
        <r>
          <rPr>
            <sz val="9"/>
            <color indexed="81"/>
            <rFont val="Tahoma"/>
            <family val="2"/>
          </rPr>
          <t xml:space="preserve">Primary office location that will be marketed under IEHP
</t>
        </r>
      </text>
    </comment>
    <comment ref="AC1" authorId="0" shapeId="0" xr:uid="{00000000-0006-0000-0100-00001C000000}">
      <text>
        <r>
          <rPr>
            <sz val="9"/>
            <color indexed="81"/>
            <rFont val="Tahoma"/>
            <family val="2"/>
          </rPr>
          <t xml:space="preserve">Primary office location that will be marketed under IEHP
</t>
        </r>
      </text>
    </comment>
    <comment ref="AD1" authorId="0" shapeId="0" xr:uid="{00000000-0006-0000-0100-00001D000000}">
      <text>
        <r>
          <rPr>
            <sz val="9"/>
            <color indexed="81"/>
            <rFont val="Tahoma"/>
            <family val="2"/>
          </rPr>
          <t xml:space="preserve">Primary office location that will be marketed under IEHP
</t>
        </r>
      </text>
    </comment>
    <comment ref="AE1" authorId="0" shapeId="0" xr:uid="{00000000-0006-0000-0100-00001E000000}">
      <text>
        <r>
          <rPr>
            <sz val="9"/>
            <color indexed="81"/>
            <rFont val="Tahoma"/>
            <family val="2"/>
          </rPr>
          <t>Primary office location that will be marketed under IEHP
The IPA is required to submit W-9's for all offices marketed for IEHP</t>
        </r>
      </text>
    </comment>
    <comment ref="AF1" authorId="0" shapeId="0" xr:uid="{00000000-0006-0000-0100-00001F000000}">
      <text>
        <r>
          <rPr>
            <sz val="9"/>
            <color indexed="81"/>
            <rFont val="Tahoma"/>
            <family val="2"/>
          </rPr>
          <t xml:space="preserve">Primary office location that will be marketed under IEHP
IPA's are required to submit contracts (1st &amp; signature page) and any addendums to ensure the provider is contracted affiliated with that contract
</t>
        </r>
      </text>
    </comment>
    <comment ref="AG1" authorId="0" shapeId="0" xr:uid="{00000000-0006-0000-0100-000020000000}">
      <text>
        <r>
          <rPr>
            <sz val="9"/>
            <color indexed="81"/>
            <rFont val="Tahoma"/>
            <family val="2"/>
          </rPr>
          <t xml:space="preserve">Office Hours for the primary location
(i.e. 9 am-5pm or 9am-12 pm 2pm-5pm, or Closed)
</t>
        </r>
      </text>
    </comment>
    <comment ref="AH1" authorId="0" shapeId="0" xr:uid="{00000000-0006-0000-0100-000021000000}">
      <text>
        <r>
          <rPr>
            <sz val="9"/>
            <color indexed="81"/>
            <rFont val="Tahoma"/>
            <family val="2"/>
          </rPr>
          <t xml:space="preserve">Office Hours for the primary location
(i.e. 9 am-5pm or 9am-12 pm 2pm-5pm, or Closed)
</t>
        </r>
      </text>
    </comment>
    <comment ref="AI1" authorId="0" shapeId="0" xr:uid="{00000000-0006-0000-0100-000022000000}">
      <text>
        <r>
          <rPr>
            <sz val="9"/>
            <color indexed="81"/>
            <rFont val="Tahoma"/>
            <family val="2"/>
          </rPr>
          <t xml:space="preserve">Office Hours for the primary location
(i.e. 9 am-5pm or 9am-12 pm 2pm-5pm, or Closed)
</t>
        </r>
      </text>
    </comment>
    <comment ref="AJ1" authorId="0" shapeId="0" xr:uid="{00000000-0006-0000-0100-000023000000}">
      <text>
        <r>
          <rPr>
            <sz val="9"/>
            <color indexed="81"/>
            <rFont val="Tahoma"/>
            <family val="2"/>
          </rPr>
          <t xml:space="preserve">Office Hours for the primary location
(i.e. 9 am-5pm or 9am-12 pm 2pm-5pm, or Closed)
</t>
        </r>
      </text>
    </comment>
    <comment ref="AK1" authorId="0" shapeId="0" xr:uid="{00000000-0006-0000-0100-000024000000}">
      <text>
        <r>
          <rPr>
            <sz val="9"/>
            <color indexed="81"/>
            <rFont val="Tahoma"/>
            <family val="2"/>
          </rPr>
          <t>Office Hours for the primary location
(i.e. 9 am-5pm or 9am-12 pm 2pm-5pm, or Closed)</t>
        </r>
      </text>
    </comment>
    <comment ref="AL1" authorId="0" shapeId="0" xr:uid="{00000000-0006-0000-0100-000025000000}">
      <text>
        <r>
          <rPr>
            <sz val="9"/>
            <color indexed="81"/>
            <rFont val="Tahoma"/>
            <family val="2"/>
          </rPr>
          <t xml:space="preserve">Office Hours for the primary location
(i.e. 9 am-5pm or 9am-12 pm 2pm-5pm, or Closed)
</t>
        </r>
      </text>
    </comment>
    <comment ref="AM1" authorId="0" shapeId="0" xr:uid="{00000000-0006-0000-0100-000026000000}">
      <text>
        <r>
          <rPr>
            <sz val="9"/>
            <color indexed="81"/>
            <rFont val="Tahoma"/>
            <family val="2"/>
          </rPr>
          <t xml:space="preserve">Office Hours for the primary location
(i.e. 9 am-5pm or 9am-12 pm 2pm-5pm, or Closed)
</t>
        </r>
      </text>
    </comment>
    <comment ref="AR1" authorId="0" shapeId="0" xr:uid="{00000000-0006-0000-0100-000027000000}">
      <text>
        <r>
          <rPr>
            <sz val="9"/>
            <color indexed="81"/>
            <rFont val="Tahoma"/>
            <family val="2"/>
          </rPr>
          <t>Secondary office location that will be marketed under IEHP</t>
        </r>
      </text>
    </comment>
    <comment ref="AS1" authorId="0" shapeId="0" xr:uid="{00000000-0006-0000-0100-000028000000}">
      <text>
        <r>
          <rPr>
            <sz val="9"/>
            <color indexed="81"/>
            <rFont val="Tahoma"/>
            <family val="2"/>
          </rPr>
          <t xml:space="preserve">Secondary office location that will be marketed under IEHP
</t>
        </r>
      </text>
    </comment>
    <comment ref="AT1" authorId="0" shapeId="0" xr:uid="{00000000-0006-0000-0100-000029000000}">
      <text>
        <r>
          <rPr>
            <sz val="9"/>
            <color indexed="81"/>
            <rFont val="Tahoma"/>
            <family val="2"/>
          </rPr>
          <t>Secondary office location that will be marketed under IEHP</t>
        </r>
      </text>
    </comment>
    <comment ref="AU1" authorId="0" shapeId="0" xr:uid="{00000000-0006-0000-0100-00002A000000}">
      <text>
        <r>
          <rPr>
            <sz val="9"/>
            <color indexed="81"/>
            <rFont val="Tahoma"/>
            <family val="2"/>
          </rPr>
          <t xml:space="preserve">Secondary office location that will be marketed under IEHP
</t>
        </r>
      </text>
    </comment>
    <comment ref="AV1" authorId="0" shapeId="0" xr:uid="{00000000-0006-0000-0100-00002B000000}">
      <text>
        <r>
          <rPr>
            <sz val="9"/>
            <color indexed="81"/>
            <rFont val="Tahoma"/>
            <family val="2"/>
          </rPr>
          <t xml:space="preserve">Secondary office location that will be marketed under IEHP
</t>
        </r>
      </text>
    </comment>
    <comment ref="AW1" authorId="0" shapeId="0" xr:uid="{00000000-0006-0000-0100-00002C000000}">
      <text>
        <r>
          <rPr>
            <sz val="9"/>
            <color indexed="81"/>
            <rFont val="Tahoma"/>
            <family val="2"/>
          </rPr>
          <t xml:space="preserve">Secondary office location that will be marketed under IEHP
</t>
        </r>
      </text>
    </comment>
    <comment ref="AX1" authorId="0" shapeId="0" xr:uid="{00000000-0006-0000-0100-00002D000000}">
      <text>
        <r>
          <rPr>
            <sz val="9"/>
            <color indexed="81"/>
            <rFont val="Tahoma"/>
            <family val="2"/>
          </rPr>
          <t xml:space="preserve">Secondary office location that will be marketed under IEHP
The IPA is required to submit W-9's for all offices marketed for IEHP
</t>
        </r>
      </text>
    </comment>
    <comment ref="AY1" authorId="0" shapeId="0" xr:uid="{00000000-0006-0000-0100-00002E000000}">
      <text>
        <r>
          <rPr>
            <sz val="9"/>
            <color indexed="81"/>
            <rFont val="Tahoma"/>
            <family val="2"/>
          </rPr>
          <t xml:space="preserve">Primary office location that will be marketed under IEHP
IPA's are required to submit contracts (1st &amp; signature page) and any addendums to ensure the provider is contracted affiliated with that contract
</t>
        </r>
      </text>
    </comment>
    <comment ref="AZ1" authorId="0" shapeId="0" xr:uid="{00000000-0006-0000-0100-00002F000000}">
      <text>
        <r>
          <rPr>
            <sz val="9"/>
            <color indexed="81"/>
            <rFont val="Tahoma"/>
            <family val="2"/>
          </rPr>
          <t>Office Hours for the Secondary location
(i.e. 9 am-5pm or 9am-12 pm 2pm-5pm, or Closed)</t>
        </r>
      </text>
    </comment>
    <comment ref="BA1" authorId="0" shapeId="0" xr:uid="{00000000-0006-0000-0100-000030000000}">
      <text>
        <r>
          <rPr>
            <sz val="9"/>
            <color indexed="81"/>
            <rFont val="Tahoma"/>
            <family val="2"/>
          </rPr>
          <t>Office Hours for the Secondary location
(i.e. 9 am-5pm or 9am-12 pm 2pm-5pm, or Closed)</t>
        </r>
      </text>
    </comment>
    <comment ref="BB1" authorId="0" shapeId="0" xr:uid="{00000000-0006-0000-0100-000031000000}">
      <text>
        <r>
          <rPr>
            <sz val="9"/>
            <color indexed="81"/>
            <rFont val="Tahoma"/>
            <family val="2"/>
          </rPr>
          <t>Office Hours for the Secondary location
(i.e. 9 am-5pm or 9am-12 pm 2pm-5pm, or Closed)</t>
        </r>
      </text>
    </comment>
    <comment ref="BC1" authorId="0" shapeId="0" xr:uid="{00000000-0006-0000-0100-000032000000}">
      <text>
        <r>
          <rPr>
            <sz val="9"/>
            <color indexed="81"/>
            <rFont val="Tahoma"/>
            <family val="2"/>
          </rPr>
          <t xml:space="preserve">Office Hours for the Secondary location
(i.e. 9 am-5pm or 9am-12 pm 2pm-5pm, or Closed)
</t>
        </r>
      </text>
    </comment>
    <comment ref="BD1" authorId="0" shapeId="0" xr:uid="{00000000-0006-0000-0100-000033000000}">
      <text>
        <r>
          <rPr>
            <sz val="9"/>
            <color indexed="81"/>
            <rFont val="Tahoma"/>
            <family val="2"/>
          </rPr>
          <t xml:space="preserve">Office Hours for the Secondary location
(i.e. 9 am-5pm or 9am-12 pm 2pm-5pm, or Closed)
</t>
        </r>
      </text>
    </comment>
    <comment ref="BE1" authorId="0" shapeId="0" xr:uid="{00000000-0006-0000-0100-000034000000}">
      <text>
        <r>
          <rPr>
            <sz val="9"/>
            <color indexed="81"/>
            <rFont val="Tahoma"/>
            <family val="2"/>
          </rPr>
          <t xml:space="preserve">Office Hours for the Secondary location
(i.e. 9 am-5pm or 9am-12 pm 2pm-5pm, or Closed)
</t>
        </r>
      </text>
    </comment>
    <comment ref="BF1" authorId="0" shapeId="0" xr:uid="{00000000-0006-0000-0100-000035000000}">
      <text>
        <r>
          <rPr>
            <sz val="9"/>
            <color indexed="81"/>
            <rFont val="Tahoma"/>
            <family val="2"/>
          </rPr>
          <t xml:space="preserve">Office Hours for the Secondary location
(i.e. 9 am-5pm or 9am-12 pm 2pm-5pm, or Closed)
</t>
        </r>
      </text>
    </comment>
    <comment ref="BK1" authorId="0" shapeId="0" xr:uid="{00000000-0006-0000-0100-000036000000}">
      <text>
        <r>
          <rPr>
            <sz val="9"/>
            <color indexed="81"/>
            <rFont val="Tahoma"/>
            <family val="2"/>
          </rPr>
          <t>Tertiary office location that will be marketed under IEHP</t>
        </r>
      </text>
    </comment>
    <comment ref="BL1" authorId="0" shapeId="0" xr:uid="{00000000-0006-0000-0100-000037000000}">
      <text>
        <r>
          <rPr>
            <sz val="9"/>
            <color indexed="81"/>
            <rFont val="Tahoma"/>
            <family val="2"/>
          </rPr>
          <t xml:space="preserve">Tertiary office location that will be marketed under IEHP
</t>
        </r>
      </text>
    </comment>
    <comment ref="BN1" authorId="0" shapeId="0" xr:uid="{00000000-0006-0000-0100-000038000000}">
      <text>
        <r>
          <rPr>
            <sz val="9"/>
            <color indexed="81"/>
            <rFont val="Tahoma"/>
            <family val="2"/>
          </rPr>
          <t>Tertiary office location that will be marketed under IEHP</t>
        </r>
      </text>
    </comment>
    <comment ref="BO1" authorId="0" shapeId="0" xr:uid="{00000000-0006-0000-0100-000039000000}">
      <text>
        <r>
          <rPr>
            <sz val="9"/>
            <color indexed="81"/>
            <rFont val="Tahoma"/>
            <family val="2"/>
          </rPr>
          <t xml:space="preserve">Tertiary office location that will be marketed under IEHP
</t>
        </r>
      </text>
    </comment>
    <comment ref="BP1" authorId="0" shapeId="0" xr:uid="{00000000-0006-0000-0100-00003A000000}">
      <text>
        <r>
          <rPr>
            <sz val="9"/>
            <color indexed="81"/>
            <rFont val="Tahoma"/>
            <family val="2"/>
          </rPr>
          <t>Tertiary office location that will be marketed under IEHP</t>
        </r>
      </text>
    </comment>
    <comment ref="BQ1" authorId="0" shapeId="0" xr:uid="{00000000-0006-0000-0100-00003B000000}">
      <text>
        <r>
          <rPr>
            <sz val="9"/>
            <color indexed="81"/>
            <rFont val="Tahoma"/>
            <family val="2"/>
          </rPr>
          <t xml:space="preserve">Tertiary office location that will be marketed under IEHP
</t>
        </r>
      </text>
    </comment>
    <comment ref="BR1" authorId="0" shapeId="0" xr:uid="{00000000-0006-0000-0100-00003C000000}">
      <text>
        <r>
          <rPr>
            <sz val="9"/>
            <color indexed="81"/>
            <rFont val="Tahoma"/>
            <family val="2"/>
          </rPr>
          <t xml:space="preserve">Tertiary office location that will be marketed under IEHP
</t>
        </r>
      </text>
    </comment>
    <comment ref="BS1" authorId="0" shapeId="0" xr:uid="{00000000-0006-0000-0100-00003D000000}">
      <text>
        <r>
          <rPr>
            <sz val="9"/>
            <color indexed="81"/>
            <rFont val="Tahoma"/>
            <family val="2"/>
          </rPr>
          <t xml:space="preserve">Office Hours for the Tertiary location
(i.e. 9 am-5pm or 9am-12 pm 2pm-5pm, or Closed)
</t>
        </r>
      </text>
    </comment>
    <comment ref="BT1" authorId="0" shapeId="0" xr:uid="{00000000-0006-0000-0100-00003E000000}">
      <text>
        <r>
          <rPr>
            <sz val="9"/>
            <color indexed="81"/>
            <rFont val="Tahoma"/>
            <family val="2"/>
          </rPr>
          <t xml:space="preserve">Office Hours for the Tertiary location
(i.e. 9 am-5pm or 9am-12 pm 2pm-5pm, or Closed)
</t>
        </r>
      </text>
    </comment>
    <comment ref="BU1" authorId="0" shapeId="0" xr:uid="{00000000-0006-0000-0100-00003F000000}">
      <text>
        <r>
          <rPr>
            <sz val="9"/>
            <color indexed="81"/>
            <rFont val="Tahoma"/>
            <family val="2"/>
          </rPr>
          <t>Office Hours for the Tertiary location
(i.e. 9 am-5pm or 9am-12 pm 2pm-5pm, or Closed)</t>
        </r>
      </text>
    </comment>
    <comment ref="BV1" authorId="0" shapeId="0" xr:uid="{00000000-0006-0000-0100-000040000000}">
      <text>
        <r>
          <rPr>
            <sz val="9"/>
            <color indexed="81"/>
            <rFont val="Tahoma"/>
            <family val="2"/>
          </rPr>
          <t>Office Hours for the Tertiary location
(i.e. 9 am-5pm or 9am-12 pm 2pm-5pm, or Closed)</t>
        </r>
      </text>
    </comment>
    <comment ref="BW1" authorId="0" shapeId="0" xr:uid="{00000000-0006-0000-0100-000041000000}">
      <text>
        <r>
          <rPr>
            <sz val="9"/>
            <color indexed="81"/>
            <rFont val="Tahoma"/>
            <family val="2"/>
          </rPr>
          <t xml:space="preserve">Office Hours for the Tertiary location
(i.e. 9 am-5pm or 9am-12 pm 2pm-5pm, or Closed)
</t>
        </r>
      </text>
    </comment>
    <comment ref="BX1" authorId="0" shapeId="0" xr:uid="{00000000-0006-0000-0100-000042000000}">
      <text>
        <r>
          <rPr>
            <sz val="9"/>
            <color indexed="81"/>
            <rFont val="Tahoma"/>
            <family val="2"/>
          </rPr>
          <t xml:space="preserve">Office Hours for the Tertiary location
(i.e. 9 am-5pm or 9am-12 pm 2pm-5pm, or Closed)
</t>
        </r>
      </text>
    </comment>
    <comment ref="BY1" authorId="0" shapeId="0" xr:uid="{00000000-0006-0000-0100-000043000000}">
      <text>
        <r>
          <rPr>
            <sz val="9"/>
            <color indexed="81"/>
            <rFont val="Tahoma"/>
            <family val="2"/>
          </rPr>
          <t>Office Hours for the Tertiary location
(i.e. 9 am-5pm or 9am-12 pm 2pm-5pm, or Closed)</t>
        </r>
      </text>
    </comment>
    <comment ref="CD1" authorId="0" shapeId="0" xr:uid="{00000000-0006-0000-0100-000044000000}">
      <text>
        <r>
          <rPr>
            <sz val="9"/>
            <color indexed="81"/>
            <rFont val="Tahoma"/>
            <family val="2"/>
          </rPr>
          <t xml:space="preserve">Primary office location that will be marketed under IEHP
</t>
        </r>
      </text>
    </comment>
    <comment ref="CE1" authorId="0" shapeId="0" xr:uid="{00000000-0006-0000-0100-000045000000}">
      <text>
        <r>
          <rPr>
            <sz val="9"/>
            <color indexed="81"/>
            <rFont val="Tahoma"/>
            <family val="2"/>
          </rPr>
          <t>Primary office location that will be marketed under IEHP</t>
        </r>
      </text>
    </comment>
    <comment ref="CF1" authorId="0" shapeId="0" xr:uid="{00000000-0006-0000-0100-000046000000}">
      <text>
        <r>
          <rPr>
            <sz val="9"/>
            <color indexed="81"/>
            <rFont val="Tahoma"/>
            <family val="2"/>
          </rPr>
          <t xml:space="preserve">Primary office location that will be marketed under IEHP
</t>
        </r>
      </text>
    </comment>
    <comment ref="CG1" authorId="0" shapeId="0" xr:uid="{00000000-0006-0000-0100-000047000000}">
      <text>
        <r>
          <rPr>
            <sz val="9"/>
            <color indexed="81"/>
            <rFont val="Tahoma"/>
            <family val="2"/>
          </rPr>
          <t xml:space="preserve">Primary office location that will be marketed under IEHP
</t>
        </r>
      </text>
    </comment>
    <comment ref="CH1" authorId="0" shapeId="0" xr:uid="{00000000-0006-0000-0100-000048000000}">
      <text>
        <r>
          <rPr>
            <sz val="9"/>
            <color indexed="81"/>
            <rFont val="Tahoma"/>
            <family val="2"/>
          </rPr>
          <t xml:space="preserve">Primary office location that will be marketed under IEHP
</t>
        </r>
      </text>
    </comment>
    <comment ref="CI1" authorId="0" shapeId="0" xr:uid="{00000000-0006-0000-0100-000049000000}">
      <text>
        <r>
          <rPr>
            <sz val="9"/>
            <color indexed="81"/>
            <rFont val="Tahoma"/>
            <family val="2"/>
          </rPr>
          <t xml:space="preserve">Primary office location that will be marketed under IEHP
</t>
        </r>
      </text>
    </comment>
    <comment ref="CJ1" authorId="0" shapeId="0" xr:uid="{00000000-0006-0000-0100-00004A000000}">
      <text>
        <r>
          <rPr>
            <sz val="9"/>
            <color indexed="81"/>
            <rFont val="Tahoma"/>
            <family val="2"/>
          </rPr>
          <t>Primary office location that will be marketed under IEHP
The IPA is required to submit W-9's for all offices marketed for IEHP</t>
        </r>
      </text>
    </comment>
    <comment ref="CK1" authorId="0" shapeId="0" xr:uid="{00000000-0006-0000-0100-00004B000000}">
      <text>
        <r>
          <rPr>
            <sz val="9"/>
            <color indexed="81"/>
            <rFont val="Tahoma"/>
            <family val="2"/>
          </rPr>
          <t xml:space="preserve">Primary office location that will be marketed under IEHP
IPA's are required to submit contracts (1st &amp; signature page) and any addendums to ensure the provider is contracted affiliated with that contract
</t>
        </r>
      </text>
    </comment>
    <comment ref="CL1" authorId="0" shapeId="0" xr:uid="{00000000-0006-0000-0100-00004C000000}">
      <text>
        <r>
          <rPr>
            <sz val="9"/>
            <color indexed="81"/>
            <rFont val="Tahoma"/>
            <family val="2"/>
          </rPr>
          <t xml:space="preserve">Office Hours for the primary location
(i.e. 9 am-5pm or 9am-12 pm 2pm-5pm, or Closed)
</t>
        </r>
      </text>
    </comment>
    <comment ref="CM1" authorId="0" shapeId="0" xr:uid="{00000000-0006-0000-0100-00004D000000}">
      <text>
        <r>
          <rPr>
            <sz val="9"/>
            <color indexed="81"/>
            <rFont val="Tahoma"/>
            <family val="2"/>
          </rPr>
          <t xml:space="preserve">Office Hours for the primary location
(i.e. 9 am-5pm or 9am-12 pm 2pm-5pm, or Closed)
</t>
        </r>
      </text>
    </comment>
    <comment ref="CN1" authorId="0" shapeId="0" xr:uid="{00000000-0006-0000-0100-00004E000000}">
      <text>
        <r>
          <rPr>
            <sz val="9"/>
            <color indexed="81"/>
            <rFont val="Tahoma"/>
            <family val="2"/>
          </rPr>
          <t xml:space="preserve">Office Hours for the primary location
(i.e. 9 am-5pm or 9am-12 pm 2pm-5pm, or Closed)
</t>
        </r>
      </text>
    </comment>
    <comment ref="CO1" authorId="0" shapeId="0" xr:uid="{00000000-0006-0000-0100-00004F000000}">
      <text>
        <r>
          <rPr>
            <sz val="9"/>
            <color indexed="81"/>
            <rFont val="Tahoma"/>
            <family val="2"/>
          </rPr>
          <t xml:space="preserve">Office Hours for the primary location
(i.e. 9 am-5pm or 9am-12 pm 2pm-5pm, or Closed)
</t>
        </r>
      </text>
    </comment>
    <comment ref="CP1" authorId="0" shapeId="0" xr:uid="{00000000-0006-0000-0100-000050000000}">
      <text>
        <r>
          <rPr>
            <sz val="9"/>
            <color indexed="81"/>
            <rFont val="Tahoma"/>
            <family val="2"/>
          </rPr>
          <t>Office Hours for the primary location
(i.e. 9 am-5pm or 9am-12 pm 2pm-5pm, or Closed)</t>
        </r>
      </text>
    </comment>
    <comment ref="CQ1" authorId="0" shapeId="0" xr:uid="{00000000-0006-0000-0100-000051000000}">
      <text>
        <r>
          <rPr>
            <sz val="9"/>
            <color indexed="81"/>
            <rFont val="Tahoma"/>
            <family val="2"/>
          </rPr>
          <t xml:space="preserve">Office Hours for the primary location
(i.e. 9 am-5pm or 9am-12 pm 2pm-5pm, or Closed)
</t>
        </r>
      </text>
    </comment>
    <comment ref="CR1" authorId="0" shapeId="0" xr:uid="{00000000-0006-0000-0100-000052000000}">
      <text>
        <r>
          <rPr>
            <sz val="9"/>
            <color indexed="81"/>
            <rFont val="Tahoma"/>
            <family val="2"/>
          </rPr>
          <t xml:space="preserve">Office Hours for the primary location
(i.e. 9 am-5pm or 9am-12 pm 2pm-5pm, or Closed)
</t>
        </r>
      </text>
    </comment>
    <comment ref="CW1" authorId="0" shapeId="0" xr:uid="{00000000-0006-0000-0100-000053000000}">
      <text>
        <r>
          <rPr>
            <sz val="9"/>
            <color indexed="81"/>
            <rFont val="Tahoma"/>
            <family val="2"/>
          </rPr>
          <t>Secondary office location that will be marketed under IEHP</t>
        </r>
      </text>
    </comment>
    <comment ref="CX1" authorId="0" shapeId="0" xr:uid="{00000000-0006-0000-0100-000054000000}">
      <text>
        <r>
          <rPr>
            <sz val="9"/>
            <color indexed="81"/>
            <rFont val="Tahoma"/>
            <family val="2"/>
          </rPr>
          <t xml:space="preserve">Secondary office location that will be marketed under IEHP
</t>
        </r>
      </text>
    </comment>
    <comment ref="CY1" authorId="0" shapeId="0" xr:uid="{00000000-0006-0000-0100-000055000000}">
      <text>
        <r>
          <rPr>
            <sz val="9"/>
            <color indexed="81"/>
            <rFont val="Tahoma"/>
            <family val="2"/>
          </rPr>
          <t>Secondary office location that will be marketed under IEHP</t>
        </r>
      </text>
    </comment>
    <comment ref="CZ1" authorId="0" shapeId="0" xr:uid="{00000000-0006-0000-0100-000056000000}">
      <text>
        <r>
          <rPr>
            <sz val="9"/>
            <color indexed="81"/>
            <rFont val="Tahoma"/>
            <family val="2"/>
          </rPr>
          <t xml:space="preserve">Secondary office location that will be marketed under IEHP
</t>
        </r>
      </text>
    </comment>
    <comment ref="DA1" authorId="0" shapeId="0" xr:uid="{00000000-0006-0000-0100-000057000000}">
      <text>
        <r>
          <rPr>
            <sz val="9"/>
            <color indexed="81"/>
            <rFont val="Tahoma"/>
            <family val="2"/>
          </rPr>
          <t xml:space="preserve">Secondary office location that will be marketed under IEHP
</t>
        </r>
      </text>
    </comment>
    <comment ref="DB1" authorId="0" shapeId="0" xr:uid="{00000000-0006-0000-0100-000058000000}">
      <text>
        <r>
          <rPr>
            <sz val="9"/>
            <color indexed="81"/>
            <rFont val="Tahoma"/>
            <family val="2"/>
          </rPr>
          <t xml:space="preserve">Secondary office location that will be marketed under IEHP
</t>
        </r>
      </text>
    </comment>
    <comment ref="DC1" authorId="0" shapeId="0" xr:uid="{00000000-0006-0000-0100-000059000000}">
      <text>
        <r>
          <rPr>
            <sz val="9"/>
            <color indexed="81"/>
            <rFont val="Tahoma"/>
            <family val="2"/>
          </rPr>
          <t xml:space="preserve">Secondary office location that will be marketed under IEHP
The IPA is required to submit W-9's for all offices marketed for IEHP
</t>
        </r>
      </text>
    </comment>
    <comment ref="DD1" authorId="0" shapeId="0" xr:uid="{00000000-0006-0000-0100-00005A000000}">
      <text>
        <r>
          <rPr>
            <sz val="9"/>
            <color indexed="81"/>
            <rFont val="Tahoma"/>
            <family val="2"/>
          </rPr>
          <t xml:space="preserve">Primary office location that will be marketed under IEHP
IPA's are required to submit contracts (1st &amp; signature page) and any addendums to ensure the provider is contracted affiliated with that contract
</t>
        </r>
      </text>
    </comment>
    <comment ref="DE1" authorId="0" shapeId="0" xr:uid="{00000000-0006-0000-0100-00005B000000}">
      <text>
        <r>
          <rPr>
            <sz val="9"/>
            <color indexed="81"/>
            <rFont val="Tahoma"/>
            <family val="2"/>
          </rPr>
          <t>Office Hours for the Secondary location
(i.e. 9 am-5pm or 9am-12 pm 2pm-5pm, or Closed)</t>
        </r>
      </text>
    </comment>
    <comment ref="DF1" authorId="0" shapeId="0" xr:uid="{00000000-0006-0000-0100-00005C000000}">
      <text>
        <r>
          <rPr>
            <sz val="9"/>
            <color indexed="81"/>
            <rFont val="Tahoma"/>
            <family val="2"/>
          </rPr>
          <t>Office Hours for the Secondary location
(i.e. 9 am-5pm or 9am-12 pm 2pm-5pm, or Closed)</t>
        </r>
      </text>
    </comment>
    <comment ref="DG1" authorId="0" shapeId="0" xr:uid="{00000000-0006-0000-0100-00005D000000}">
      <text>
        <r>
          <rPr>
            <sz val="9"/>
            <color indexed="81"/>
            <rFont val="Tahoma"/>
            <family val="2"/>
          </rPr>
          <t>Office Hours for the Secondary location
(i.e. 9 am-5pm or 9am-12 pm 2pm-5pm, or Closed)</t>
        </r>
      </text>
    </comment>
    <comment ref="DH1" authorId="0" shapeId="0" xr:uid="{00000000-0006-0000-0100-00005E000000}">
      <text>
        <r>
          <rPr>
            <sz val="9"/>
            <color indexed="81"/>
            <rFont val="Tahoma"/>
            <family val="2"/>
          </rPr>
          <t xml:space="preserve">Office Hours for the Secondary location
(i.e. 9 am-5pm or 9am-12 pm 2pm-5pm, or Closed)
</t>
        </r>
      </text>
    </comment>
    <comment ref="DI1" authorId="0" shapeId="0" xr:uid="{00000000-0006-0000-0100-00005F000000}">
      <text>
        <r>
          <rPr>
            <sz val="9"/>
            <color indexed="81"/>
            <rFont val="Tahoma"/>
            <family val="2"/>
          </rPr>
          <t xml:space="preserve">Office Hours for the Secondary location
(i.e. 9 am-5pm or 9am-12 pm 2pm-5pm, or Closed)
</t>
        </r>
      </text>
    </comment>
    <comment ref="DJ1" authorId="0" shapeId="0" xr:uid="{00000000-0006-0000-0100-000060000000}">
      <text>
        <r>
          <rPr>
            <sz val="9"/>
            <color indexed="81"/>
            <rFont val="Tahoma"/>
            <family val="2"/>
          </rPr>
          <t xml:space="preserve">Office Hours for the Secondary location
(i.e. 9 am-5pm or 9am-12 pm 2pm-5pm, or Closed)
</t>
        </r>
      </text>
    </comment>
    <comment ref="DK1" authorId="0" shapeId="0" xr:uid="{00000000-0006-0000-0100-000061000000}">
      <text>
        <r>
          <rPr>
            <sz val="9"/>
            <color indexed="81"/>
            <rFont val="Tahoma"/>
            <family val="2"/>
          </rPr>
          <t xml:space="preserve">Office Hours for the Secondary location
(i.e. 9 am-5pm or 9am-12 pm 2pm-5pm, or Closed)
</t>
        </r>
      </text>
    </comment>
    <comment ref="DP1" authorId="0" shapeId="0" xr:uid="{00000000-0006-0000-0100-000062000000}">
      <text>
        <r>
          <rPr>
            <sz val="9"/>
            <color indexed="81"/>
            <rFont val="Tahoma"/>
            <family val="2"/>
          </rPr>
          <t>Tertiary office location that will be marketed under IEHP</t>
        </r>
      </text>
    </comment>
    <comment ref="DQ1" authorId="0" shapeId="0" xr:uid="{00000000-0006-0000-0100-000063000000}">
      <text>
        <r>
          <rPr>
            <sz val="9"/>
            <color indexed="81"/>
            <rFont val="Tahoma"/>
            <family val="2"/>
          </rPr>
          <t xml:space="preserve">Tertiary office location that will be marketed under IEHP
</t>
        </r>
      </text>
    </comment>
    <comment ref="DS1" authorId="0" shapeId="0" xr:uid="{00000000-0006-0000-0100-000064000000}">
      <text>
        <r>
          <rPr>
            <sz val="9"/>
            <color indexed="81"/>
            <rFont val="Tahoma"/>
            <family val="2"/>
          </rPr>
          <t>Tertiary office location that will be marketed under IEHP</t>
        </r>
      </text>
    </comment>
    <comment ref="DT1" authorId="0" shapeId="0" xr:uid="{00000000-0006-0000-0100-000065000000}">
      <text>
        <r>
          <rPr>
            <sz val="9"/>
            <color indexed="81"/>
            <rFont val="Tahoma"/>
            <family val="2"/>
          </rPr>
          <t xml:space="preserve">Tertiary office location that will be marketed under IEHP
</t>
        </r>
      </text>
    </comment>
    <comment ref="DU1" authorId="0" shapeId="0" xr:uid="{00000000-0006-0000-0100-000066000000}">
      <text>
        <r>
          <rPr>
            <sz val="9"/>
            <color indexed="81"/>
            <rFont val="Tahoma"/>
            <family val="2"/>
          </rPr>
          <t>Tertiary office location that will be marketed under IEHP</t>
        </r>
      </text>
    </comment>
    <comment ref="DV1" authorId="0" shapeId="0" xr:uid="{00000000-0006-0000-0100-000067000000}">
      <text>
        <r>
          <rPr>
            <sz val="9"/>
            <color indexed="81"/>
            <rFont val="Tahoma"/>
            <family val="2"/>
          </rPr>
          <t xml:space="preserve">Tertiary office location that will be marketed under IEHP
</t>
        </r>
      </text>
    </comment>
    <comment ref="DW1" authorId="0" shapeId="0" xr:uid="{00000000-0006-0000-0100-000068000000}">
      <text>
        <r>
          <rPr>
            <sz val="9"/>
            <color indexed="81"/>
            <rFont val="Tahoma"/>
            <family val="2"/>
          </rPr>
          <t xml:space="preserve">Tertiary office location that will be marketed under IEHP
</t>
        </r>
      </text>
    </comment>
    <comment ref="DX1" authorId="0" shapeId="0" xr:uid="{00000000-0006-0000-0100-000069000000}">
      <text>
        <r>
          <rPr>
            <sz val="9"/>
            <color indexed="81"/>
            <rFont val="Tahoma"/>
            <family val="2"/>
          </rPr>
          <t xml:space="preserve">Office Hours for the Tertiary location
(i.e. 9 am-5pm or 9am-12 pm 2pm-5pm, or Closed)
</t>
        </r>
      </text>
    </comment>
    <comment ref="DY1" authorId="0" shapeId="0" xr:uid="{00000000-0006-0000-0100-00006A000000}">
      <text>
        <r>
          <rPr>
            <sz val="9"/>
            <color indexed="81"/>
            <rFont val="Tahoma"/>
            <family val="2"/>
          </rPr>
          <t xml:space="preserve">Office Hours for the Tertiary location
(i.e. 9 am-5pm or 9am-12 pm 2pm-5pm, or Closed)
</t>
        </r>
      </text>
    </comment>
    <comment ref="DZ1" authorId="0" shapeId="0" xr:uid="{00000000-0006-0000-0100-00006B000000}">
      <text>
        <r>
          <rPr>
            <sz val="9"/>
            <color indexed="81"/>
            <rFont val="Tahoma"/>
            <family val="2"/>
          </rPr>
          <t>Office Hours for the Tertiary location
(i.e. 9 am-5pm or 9am-12 pm 2pm-5pm, or Closed)</t>
        </r>
      </text>
    </comment>
    <comment ref="EA1" authorId="0" shapeId="0" xr:uid="{00000000-0006-0000-0100-00006C000000}">
      <text>
        <r>
          <rPr>
            <sz val="9"/>
            <color indexed="81"/>
            <rFont val="Tahoma"/>
            <family val="2"/>
          </rPr>
          <t>Office Hours for the Tertiary location
(i.e. 9 am-5pm or 9am-12 pm 2pm-5pm, or Closed)</t>
        </r>
      </text>
    </comment>
    <comment ref="EB1" authorId="0" shapeId="0" xr:uid="{00000000-0006-0000-0100-00006D000000}">
      <text>
        <r>
          <rPr>
            <sz val="9"/>
            <color indexed="81"/>
            <rFont val="Tahoma"/>
            <family val="2"/>
          </rPr>
          <t xml:space="preserve">Office Hours for the Tertiary location
(i.e. 9 am-5pm or 9am-12 pm 2pm-5pm, or Closed)
</t>
        </r>
      </text>
    </comment>
    <comment ref="EC1" authorId="0" shapeId="0" xr:uid="{00000000-0006-0000-0100-00006E000000}">
      <text>
        <r>
          <rPr>
            <sz val="9"/>
            <color indexed="81"/>
            <rFont val="Tahoma"/>
            <family val="2"/>
          </rPr>
          <t xml:space="preserve">Office Hours for the Tertiary location
(i.e. 9 am-5pm or 9am-12 pm 2pm-5pm, or Closed)
</t>
        </r>
      </text>
    </comment>
    <comment ref="ED1" authorId="0" shapeId="0" xr:uid="{00000000-0006-0000-0100-00006F000000}">
      <text>
        <r>
          <rPr>
            <sz val="9"/>
            <color indexed="81"/>
            <rFont val="Tahoma"/>
            <family val="2"/>
          </rPr>
          <t>Office Hours for the Tertiary location
(i.e. 9 am-5pm or 9am-12 pm 2pm-5pm, or Closed)</t>
        </r>
      </text>
    </comment>
    <comment ref="EH1" authorId="0" shapeId="0" xr:uid="{00000000-0006-0000-0100-000070000000}">
      <text>
        <r>
          <rPr>
            <sz val="9"/>
            <color indexed="81"/>
            <rFont val="Tahoma"/>
            <family val="2"/>
          </rPr>
          <t xml:space="preserve">Medical License # as listed on License
</t>
        </r>
      </text>
    </comment>
    <comment ref="EI1" authorId="0" shapeId="0" xr:uid="{00000000-0006-0000-0100-000071000000}">
      <text>
        <r>
          <rPr>
            <sz val="9"/>
            <color indexed="81"/>
            <rFont val="Tahoma"/>
            <family val="2"/>
          </rPr>
          <t xml:space="preserve">Date Medical License expires
(must be current at all times)
</t>
        </r>
      </text>
    </comment>
    <comment ref="EJ1" authorId="0" shapeId="0" xr:uid="{00000000-0006-0000-0100-000072000000}">
      <text>
        <r>
          <rPr>
            <sz val="9"/>
            <color indexed="81"/>
            <rFont val="Tahoma"/>
            <family val="2"/>
          </rPr>
          <t xml:space="preserve">DEA Certificate Number as listed on certificate
</t>
        </r>
      </text>
    </comment>
    <comment ref="EK1" authorId="0" shapeId="0" xr:uid="{00000000-0006-0000-0100-000073000000}">
      <text>
        <r>
          <rPr>
            <sz val="9"/>
            <color indexed="81"/>
            <rFont val="Tahoma"/>
            <family val="2"/>
          </rPr>
          <t xml:space="preserve">Date DEA Certificate expires
(must be current at all times)
</t>
        </r>
      </text>
    </comment>
    <comment ref="EL1" authorId="0" shapeId="0" xr:uid="{00000000-0006-0000-0100-000074000000}">
      <text>
        <r>
          <rPr>
            <sz val="9"/>
            <color indexed="81"/>
            <rFont val="Tahoma"/>
            <family val="2"/>
          </rPr>
          <t>Malpractice Insurance Carrier Information as listed on Certificate
(must be current at all times and applicable to all locations where IEHP patients will be treated)</t>
        </r>
      </text>
    </comment>
    <comment ref="EM1" authorId="0" shapeId="0" xr:uid="{00000000-0006-0000-0100-000075000000}">
      <text>
        <r>
          <rPr>
            <sz val="9"/>
            <color indexed="81"/>
            <rFont val="Tahoma"/>
            <family val="2"/>
          </rPr>
          <t>Malpractice Insurance Carrier Information as listed on Certificate
(must be current at all times and applicable to all locations where IEHP patients will be treated)</t>
        </r>
      </text>
    </comment>
    <comment ref="EN1" authorId="0" shapeId="0" xr:uid="{00000000-0006-0000-0100-000076000000}">
      <text>
        <r>
          <rPr>
            <sz val="9"/>
            <color indexed="81"/>
            <rFont val="Tahoma"/>
            <family val="2"/>
          </rPr>
          <t>Malpractice Insurance Carrier Information as listed on Certificate
(must be current at all times and applicable to all locations where IEHP patients will be treated)</t>
        </r>
      </text>
    </comment>
    <comment ref="EO1" authorId="0" shapeId="0" xr:uid="{00000000-0006-0000-0100-000077000000}">
      <text>
        <r>
          <rPr>
            <sz val="9"/>
            <color indexed="81"/>
            <rFont val="Tahoma"/>
            <family val="2"/>
          </rPr>
          <t xml:space="preserve">Malpractice Insurance Carrier Information as listed on Certificate
(must be current at all times and applicable to all locations where IEHP patients will be treated)
</t>
        </r>
      </text>
    </comment>
    <comment ref="EP1" authorId="0" shapeId="0" xr:uid="{00000000-0006-0000-0100-000078000000}">
      <text>
        <r>
          <rPr>
            <sz val="9"/>
            <color indexed="81"/>
            <rFont val="Tahoma"/>
            <family val="2"/>
          </rPr>
          <t xml:space="preserve">Malpractice Insurance Carrier Information as listed on Certificate
(must be current at all times and applicable to all locations where IEHP patients will be treated)
</t>
        </r>
      </text>
    </comment>
    <comment ref="EQ1" authorId="0" shapeId="0" xr:uid="{00000000-0006-0000-0100-000079000000}">
      <text>
        <r>
          <rPr>
            <sz val="9"/>
            <color indexed="81"/>
            <rFont val="Tahoma"/>
            <family val="2"/>
          </rPr>
          <t xml:space="preserve">Name of IEHP affiliated Hospital, where the provider has admitting privileges
*If the provider is using a Hospitalist, list the name of the IEHP Affiliated Hospital the admitter will be using to admit patients
</t>
        </r>
      </text>
    </comment>
    <comment ref="ER1" authorId="0" shapeId="0" xr:uid="{00000000-0006-0000-0100-00007A000000}">
      <text>
        <r>
          <rPr>
            <sz val="9"/>
            <color indexed="81"/>
            <rFont val="Tahoma"/>
            <family val="2"/>
          </rPr>
          <t xml:space="preserve">List the privilege type the provider has at the IEHP affiliated Hospital (provider must have admitting privileges i.e. Provisional, Active, Courtesy)
*If the provider is using a Hospitalist, List Hospital Admitter and provide the name of the Hospital Admitter (as it's listed on his/her license)
</t>
        </r>
      </text>
    </comment>
    <comment ref="ES1" authorId="0" shapeId="0" xr:uid="{00000000-0006-0000-0100-00007B000000}">
      <text>
        <r>
          <rPr>
            <sz val="9"/>
            <color indexed="81"/>
            <rFont val="Tahoma"/>
            <family val="2"/>
          </rPr>
          <t>List the Specialty privileges the provider has at the IEHP affiliated Hospital (Provider must have privileges for the specialty he/she is listed as under IEHP)
*If the provider is using a Hospitalist, List the Hospitalists' specialty</t>
        </r>
      </text>
    </comment>
    <comment ref="ET1" authorId="0" shapeId="0" xr:uid="{00000000-0006-0000-0100-00007C000000}">
      <text>
        <r>
          <rPr>
            <sz val="9"/>
            <color indexed="81"/>
            <rFont val="Tahoma"/>
            <family val="2"/>
          </rPr>
          <t xml:space="preserve">* If the provider is using a Hospitalist, list the age range for the Hospitalist who will be admitting patients
</t>
        </r>
      </text>
    </comment>
    <comment ref="EU1" authorId="0" shapeId="0" xr:uid="{00000000-0006-0000-0100-00007D000000}">
      <text>
        <r>
          <rPr>
            <sz val="9"/>
            <color indexed="81"/>
            <rFont val="Tahoma"/>
            <family val="2"/>
          </rPr>
          <t xml:space="preserve">Name of IEHP affiliated Hospital, where the provider has admitting privileges
*If the provider is using a Hospitalist, list the name of the IEHP Affiliated Hospital the admitter will be using to admit patients
</t>
        </r>
      </text>
    </comment>
    <comment ref="EV1" authorId="0" shapeId="0" xr:uid="{00000000-0006-0000-0100-00007E000000}">
      <text>
        <r>
          <rPr>
            <sz val="9"/>
            <color indexed="81"/>
            <rFont val="Tahoma"/>
            <family val="2"/>
          </rPr>
          <t>List the privilege type the provider has at the IEHP affiliated Hospital (provider must have admitting privileges i.e. Provisional, Active, Courtesy)
*If the provider is using a Hospitalist, List Hospital Admitter and provide the name of the Hospital Admitter (as it's listed on his/her license)</t>
        </r>
      </text>
    </comment>
    <comment ref="EW1" authorId="0" shapeId="0" xr:uid="{00000000-0006-0000-0100-00007F000000}">
      <text>
        <r>
          <rPr>
            <sz val="9"/>
            <color indexed="81"/>
            <rFont val="Tahoma"/>
            <family val="2"/>
          </rPr>
          <t xml:space="preserve">List the Specialty privileges the provider has at the IEHP affiliated Hospital (Provider must have privileges for the specialty he/she is listed as under IEHP)
*If the provider is using a Hospitalist, List the Hospitalists' specialty
</t>
        </r>
      </text>
    </comment>
    <comment ref="EX1" authorId="0" shapeId="0" xr:uid="{00000000-0006-0000-0100-000080000000}">
      <text>
        <r>
          <rPr>
            <sz val="9"/>
            <color indexed="81"/>
            <rFont val="Tahoma"/>
            <family val="2"/>
          </rPr>
          <t xml:space="preserve">* If the provider is using a Hospitalist, list the age range for the Hospitalist who will be admitting patients
</t>
        </r>
      </text>
    </comment>
    <comment ref="EY1" authorId="0" shapeId="0" xr:uid="{00000000-0006-0000-0100-000081000000}">
      <text>
        <r>
          <rPr>
            <sz val="9"/>
            <color indexed="81"/>
            <rFont val="Tahoma"/>
            <family val="2"/>
          </rPr>
          <t>Name of IEHP affiliated Hospital, where the provider has admitting privileges
*If the provider is using a Hospitalist, list the name of the IEHP Affiliated Hospital the admitter will be using to admit patients</t>
        </r>
      </text>
    </comment>
    <comment ref="EZ1" authorId="0" shapeId="0" xr:uid="{00000000-0006-0000-0100-000082000000}">
      <text>
        <r>
          <rPr>
            <sz val="9"/>
            <color indexed="81"/>
            <rFont val="Tahoma"/>
            <family val="2"/>
          </rPr>
          <t xml:space="preserve">List the privilege type the provider has at the IEHP affiliated Hospital (provider must have admitting privileges i.e. Provisional, Active, Courtesy)
*If the provider is using a Hospitalist, List Hospital Admitter and provide the name of the Hospital Admitter (as it's listed on his/her license)
</t>
        </r>
      </text>
    </comment>
    <comment ref="FA1" authorId="0" shapeId="0" xr:uid="{00000000-0006-0000-0100-000083000000}">
      <text>
        <r>
          <rPr>
            <sz val="9"/>
            <color indexed="81"/>
            <rFont val="Tahoma"/>
            <family val="2"/>
          </rPr>
          <t xml:space="preserve">List the Specialty privileges the provider has at the IEHP affiliated Hospital (Provider must have privileges for the specialty he/she is listed as under IEHP)
*If the provider is using a Hospitalist, List the Hospitalists' specialty
</t>
        </r>
      </text>
    </comment>
    <comment ref="FB1" authorId="0" shapeId="0" xr:uid="{00000000-0006-0000-0100-000084000000}">
      <text>
        <r>
          <rPr>
            <sz val="9"/>
            <color indexed="81"/>
            <rFont val="Tahoma"/>
            <family val="2"/>
          </rPr>
          <t>* If the provider is using a Hospitalist, list the age range for the Hospitalist who will be admitting patients</t>
        </r>
      </text>
    </comment>
    <comment ref="FC1" authorId="0" shapeId="0" xr:uid="{00000000-0006-0000-0100-000085000000}">
      <text>
        <r>
          <rPr>
            <sz val="9"/>
            <color indexed="81"/>
            <rFont val="Tahoma"/>
            <family val="2"/>
          </rPr>
          <t xml:space="preserve">Name of IEHP affiliated Hospital, where the provider has admitting privileges
*If the provider is using a Hospitalist, list the name of the IEHP Affiliated Hospital the admitter will be using to admit patients
</t>
        </r>
      </text>
    </comment>
    <comment ref="FD1" authorId="0" shapeId="0" xr:uid="{00000000-0006-0000-0100-000086000000}">
      <text>
        <r>
          <rPr>
            <sz val="9"/>
            <color indexed="81"/>
            <rFont val="Tahoma"/>
            <family val="2"/>
          </rPr>
          <t xml:space="preserve">List the privilege type the provider has at the IEHP affiliated Hospital (provider must have admitting privileges i.e. Provisional, Active, Courtesy)
*If the provider is using a Hospitalist, List Hospital Admitter and provide the name of the Hospital Admitter (as it's listed on his/her license)
</t>
        </r>
      </text>
    </comment>
    <comment ref="FE1" authorId="0" shapeId="0" xr:uid="{00000000-0006-0000-0100-000087000000}">
      <text>
        <r>
          <rPr>
            <sz val="9"/>
            <color indexed="81"/>
            <rFont val="Tahoma"/>
            <family val="2"/>
          </rPr>
          <t>List the Specialty privileges the provider has at the IEHP affiliated Hospital (Provider must have privileges for the specialty he/she is listed as under IEHP)
*If the provider is using a Hospitalist, List the Hospitalists' specialty</t>
        </r>
      </text>
    </comment>
    <comment ref="FF1" authorId="0" shapeId="0" xr:uid="{00000000-0006-0000-0100-000088000000}">
      <text>
        <r>
          <rPr>
            <sz val="9"/>
            <color indexed="81"/>
            <rFont val="Tahoma"/>
            <family val="2"/>
          </rPr>
          <t xml:space="preserve">* If the provider is using a Hospitalist, list the age range for the Hospitalist who will be admitting patients
</t>
        </r>
      </text>
    </comment>
    <comment ref="FG1" authorId="0" shapeId="0" xr:uid="{00000000-0006-0000-0100-000089000000}">
      <text>
        <r>
          <rPr>
            <sz val="9"/>
            <color indexed="81"/>
            <rFont val="Tahoma"/>
            <family val="2"/>
          </rPr>
          <t xml:space="preserve">Name of IEHP affiliated Hospital, where the provider has admitting privileges
*If the provider is using a Hospitalist, list the name of the IEHP Affiliated Hospital the admitter will be using to admit patients
</t>
        </r>
      </text>
    </comment>
    <comment ref="FH1" authorId="0" shapeId="0" xr:uid="{00000000-0006-0000-0100-00008A000000}">
      <text>
        <r>
          <rPr>
            <sz val="9"/>
            <color indexed="81"/>
            <rFont val="Tahoma"/>
            <family val="2"/>
          </rPr>
          <t>List the privilege type the provider has at the IEHP affiliated Hospital (provider must have admitting privileges i.e. Provisional, Active, Courtesy)
*If the provider is using a Hospitalist, List Hospital Admitter and provide the name of the Hospital Admitter (as it's listed on his/her license)</t>
        </r>
      </text>
    </comment>
    <comment ref="FI1" authorId="0" shapeId="0" xr:uid="{00000000-0006-0000-0100-00008B000000}">
      <text>
        <r>
          <rPr>
            <sz val="9"/>
            <color indexed="81"/>
            <rFont val="Tahoma"/>
            <family val="2"/>
          </rPr>
          <t xml:space="preserve">List the Specialty privileges the provider has at the IEHP affiliated Hospital (Provider must have privileges for the specialty he/she is listed as under IEHP)
*If the provider is using a Hospitalist, List the Hospitalists' specialty
</t>
        </r>
      </text>
    </comment>
    <comment ref="FJ1" authorId="0" shapeId="0" xr:uid="{00000000-0006-0000-0100-00008C000000}">
      <text>
        <r>
          <rPr>
            <sz val="9"/>
            <color indexed="81"/>
            <rFont val="Tahoma"/>
            <family val="2"/>
          </rPr>
          <t xml:space="preserve">* If the provider is using a Hospitalist, list the age range for the Hospitalist who will be admitting patients
</t>
        </r>
      </text>
    </comment>
    <comment ref="FK1" authorId="0" shapeId="0" xr:uid="{00000000-0006-0000-0100-00008D000000}">
      <text>
        <r>
          <rPr>
            <sz val="9"/>
            <color indexed="81"/>
            <rFont val="Tahoma"/>
            <family val="2"/>
          </rPr>
          <t>Name of IEHP affiliated Hospital, where the provider has admitting privileges
*If the provider is using a Hospitalist, list the name of the IEHP Affiliated Hospital the admitter will be using to admit patients</t>
        </r>
      </text>
    </comment>
    <comment ref="FL1" authorId="0" shapeId="0" xr:uid="{00000000-0006-0000-0100-00008E000000}">
      <text>
        <r>
          <rPr>
            <sz val="9"/>
            <color indexed="81"/>
            <rFont val="Tahoma"/>
            <family val="2"/>
          </rPr>
          <t xml:space="preserve">List the privilege type the provider has at the IEHP affiliated Hospital (provider must have admitting privileges i.e. Provisional, Active, Courtesy)
*If the provider is using a Hospitalist, List Hospital Admitter and provide the name of the Hospital Admitter (as it's listed on his/her license)
</t>
        </r>
      </text>
    </comment>
    <comment ref="FM1" authorId="0" shapeId="0" xr:uid="{00000000-0006-0000-0100-00008F000000}">
      <text>
        <r>
          <rPr>
            <sz val="9"/>
            <color indexed="81"/>
            <rFont val="Tahoma"/>
            <family val="2"/>
          </rPr>
          <t xml:space="preserve">List the Specialty privileges the provider has at the IEHP affiliated Hospital (Provider must have privileges for the specialty he/she is listed as under IEHP)
*If the provider is using a Hospitalist, List the Hospitalists' specialty
</t>
        </r>
      </text>
    </comment>
    <comment ref="FN1" authorId="0" shapeId="0" xr:uid="{00000000-0006-0000-0100-000090000000}">
      <text>
        <r>
          <rPr>
            <sz val="9"/>
            <color indexed="81"/>
            <rFont val="Tahoma"/>
            <family val="2"/>
          </rPr>
          <t>* If the provider is using a Hospitalist, list the age range for the Hospitalist who will be admitting patients</t>
        </r>
      </text>
    </comment>
    <comment ref="FO1" authorId="0" shapeId="0" xr:uid="{00000000-0006-0000-0100-000091000000}">
      <text>
        <r>
          <rPr>
            <sz val="9"/>
            <color indexed="81"/>
            <rFont val="Tahoma"/>
            <family val="2"/>
          </rPr>
          <t>Name of the Board who issued the certification (i.e. American Board of Internal Medicine)</t>
        </r>
      </text>
    </comment>
    <comment ref="FP1" authorId="0" shapeId="0" xr:uid="{00000000-0006-0000-0100-000092000000}">
      <text>
        <r>
          <rPr>
            <sz val="9"/>
            <color indexed="81"/>
            <rFont val="Tahoma"/>
            <family val="2"/>
          </rPr>
          <t xml:space="preserve">Specialty in which the provider holds the certification (i.e. Gastroenterology, Critical Care Medicine, Internal Medicine)
</t>
        </r>
      </text>
    </comment>
    <comment ref="FQ1" authorId="0" shapeId="0" xr:uid="{00000000-0006-0000-0100-000093000000}">
      <text>
        <r>
          <rPr>
            <sz val="9"/>
            <color indexed="81"/>
            <rFont val="Tahoma"/>
            <family val="2"/>
          </rPr>
          <t xml:space="preserve">Status of the Board Certification (i.e. Active, Expired)
</t>
        </r>
      </text>
    </comment>
    <comment ref="FR1" authorId="0" shapeId="0" xr:uid="{00000000-0006-0000-0100-000094000000}">
      <text>
        <r>
          <rPr>
            <sz val="9"/>
            <color indexed="81"/>
            <rFont val="Tahoma"/>
            <family val="2"/>
          </rPr>
          <t xml:space="preserve">Board Certification Effective Date
</t>
        </r>
      </text>
    </comment>
    <comment ref="FS1" authorId="0" shapeId="0" xr:uid="{00000000-0006-0000-0100-000095000000}">
      <text>
        <r>
          <rPr>
            <sz val="9"/>
            <color indexed="81"/>
            <rFont val="Tahoma"/>
            <family val="2"/>
          </rPr>
          <t xml:space="preserve">Board Certification Expiration Date (Lifetime Certification, please list lifetime or leave blank)
</t>
        </r>
      </text>
    </comment>
    <comment ref="FT1" authorId="0" shapeId="0" xr:uid="{00000000-0006-0000-0100-000096000000}">
      <text>
        <r>
          <rPr>
            <sz val="9"/>
            <color indexed="81"/>
            <rFont val="Tahoma"/>
            <family val="2"/>
          </rPr>
          <t>Board Verification Date (if applicable)</t>
        </r>
      </text>
    </comment>
    <comment ref="FU1" authorId="0" shapeId="0" xr:uid="{00000000-0006-0000-0100-000097000000}">
      <text>
        <r>
          <rPr>
            <sz val="9"/>
            <color indexed="81"/>
            <rFont val="Tahoma"/>
            <family val="2"/>
          </rPr>
          <t xml:space="preserve">Name of the Board who issued the certification (i.e. American Board of Internal Medicine)
</t>
        </r>
      </text>
    </comment>
    <comment ref="FV1" authorId="0" shapeId="0" xr:uid="{00000000-0006-0000-0100-000098000000}">
      <text>
        <r>
          <rPr>
            <sz val="9"/>
            <color indexed="81"/>
            <rFont val="Tahoma"/>
            <family val="2"/>
          </rPr>
          <t xml:space="preserve">Specialty in which the provider holds the certification (i.e. Gastroenterology, Critical Care Medicine, Internal Medicine)
</t>
        </r>
      </text>
    </comment>
    <comment ref="FW1" authorId="0" shapeId="0" xr:uid="{00000000-0006-0000-0100-000099000000}">
      <text>
        <r>
          <rPr>
            <sz val="9"/>
            <color indexed="81"/>
            <rFont val="Tahoma"/>
            <family val="2"/>
          </rPr>
          <t xml:space="preserve">Status of the Board Certification (i.e. Active, Expired)
</t>
        </r>
      </text>
    </comment>
    <comment ref="FX1" authorId="0" shapeId="0" xr:uid="{00000000-0006-0000-0100-00009A000000}">
      <text>
        <r>
          <rPr>
            <sz val="9"/>
            <color indexed="81"/>
            <rFont val="Tahoma"/>
            <family val="2"/>
          </rPr>
          <t xml:space="preserve">Board Certification Effective Date
</t>
        </r>
      </text>
    </comment>
    <comment ref="FY1" authorId="0" shapeId="0" xr:uid="{00000000-0006-0000-0100-00009B000000}">
      <text>
        <r>
          <rPr>
            <sz val="9"/>
            <color indexed="81"/>
            <rFont val="Tahoma"/>
            <family val="2"/>
          </rPr>
          <t xml:space="preserve">Board Certification Expiration Date (Lifetime Certification, please list lifetime or leave blank)
</t>
        </r>
      </text>
    </comment>
    <comment ref="FZ1" authorId="0" shapeId="0" xr:uid="{00000000-0006-0000-0100-00009C000000}">
      <text>
        <r>
          <rPr>
            <sz val="9"/>
            <color indexed="81"/>
            <rFont val="Tahoma"/>
            <family val="2"/>
          </rPr>
          <t xml:space="preserve">Board Verification Date (if applicable)
</t>
        </r>
      </text>
    </comment>
    <comment ref="GA1" authorId="0" shapeId="0" xr:uid="{00000000-0006-0000-0100-00009D000000}">
      <text>
        <r>
          <rPr>
            <sz val="9"/>
            <color indexed="81"/>
            <rFont val="Tahoma"/>
            <family val="2"/>
          </rPr>
          <t xml:space="preserve">Name of the Board who issued the certification (i.e. American Board of Internal Medicine)
</t>
        </r>
      </text>
    </comment>
    <comment ref="GB1" authorId="0" shapeId="0" xr:uid="{00000000-0006-0000-0100-00009E000000}">
      <text>
        <r>
          <rPr>
            <sz val="9"/>
            <color indexed="81"/>
            <rFont val="Tahoma"/>
            <family val="2"/>
          </rPr>
          <t>Specialty in which the provider holds the certification (i.e. Gastroenterology, Critical Care Medicine, Internal Medicine)</t>
        </r>
      </text>
    </comment>
    <comment ref="GC1" authorId="0" shapeId="0" xr:uid="{00000000-0006-0000-0100-00009F000000}">
      <text>
        <r>
          <rPr>
            <sz val="9"/>
            <color indexed="81"/>
            <rFont val="Tahoma"/>
            <family val="2"/>
          </rPr>
          <t xml:space="preserve">Status of the Board Certification (i.e. Active, Expired)
</t>
        </r>
      </text>
    </comment>
    <comment ref="GD1" authorId="0" shapeId="0" xr:uid="{00000000-0006-0000-0100-0000A0000000}">
      <text>
        <r>
          <rPr>
            <sz val="9"/>
            <color indexed="81"/>
            <rFont val="Tahoma"/>
            <family val="2"/>
          </rPr>
          <t xml:space="preserve">Board Certification Effective Date
</t>
        </r>
      </text>
    </comment>
    <comment ref="GE1" authorId="0" shapeId="0" xr:uid="{00000000-0006-0000-0100-0000A1000000}">
      <text>
        <r>
          <rPr>
            <sz val="9"/>
            <color indexed="81"/>
            <rFont val="Tahoma"/>
            <family val="2"/>
          </rPr>
          <t xml:space="preserve">Board Certification Expiration Date (Lifetime Certification, please list lifetime or leave blank)
</t>
        </r>
      </text>
    </comment>
    <comment ref="GF1" authorId="0" shapeId="0" xr:uid="{00000000-0006-0000-0100-0000A2000000}">
      <text>
        <r>
          <rPr>
            <sz val="9"/>
            <color indexed="81"/>
            <rFont val="Tahoma"/>
            <family val="2"/>
          </rPr>
          <t>Board Verification Date (if applicable)</t>
        </r>
      </text>
    </comment>
  </commentList>
</comments>
</file>

<file path=xl/sharedStrings.xml><?xml version="1.0" encoding="utf-8"?>
<sst xmlns="http://schemas.openxmlformats.org/spreadsheetml/2006/main" count="689" uniqueCount="320">
  <si>
    <t>FIELD NAME</t>
  </si>
  <si>
    <t>IEHP NOTES</t>
  </si>
  <si>
    <t>ADDITIONAL DOCUMENTS NEEDED</t>
  </si>
  <si>
    <t>INITIAL or RECRED</t>
  </si>
  <si>
    <t>Identify whether packet is Initial or Recredentialing</t>
  </si>
  <si>
    <t>INITIAL DATE</t>
  </si>
  <si>
    <t>Provider's Credentialing Approval Date</t>
  </si>
  <si>
    <t>RECRED DATE</t>
  </si>
  <si>
    <t>Provider's Recredentialing Approval Date</t>
  </si>
  <si>
    <t>TYPE</t>
  </si>
  <si>
    <t>Identify whether the practitioner is a Specialist, PCP or Both</t>
  </si>
  <si>
    <t>LAST NAME</t>
  </si>
  <si>
    <t>Last Name as Listed on License</t>
  </si>
  <si>
    <t>FIRST NAME</t>
  </si>
  <si>
    <t>First Name as Listed on License</t>
  </si>
  <si>
    <t>M.I.</t>
  </si>
  <si>
    <t>First Letter of Middle Name as Listed on License</t>
  </si>
  <si>
    <t>SUFFIX</t>
  </si>
  <si>
    <t>Suffix (i.e. Jr., Sr., III…) as listed on License</t>
  </si>
  <si>
    <t>DEGREE</t>
  </si>
  <si>
    <t>Degree
M.D. (Medical Doctor)
D.O.(Doctor of Osteopathic Medicine)
D.P.M. (Podiatry)
L.M.F.T. (Licensed Marriage Family Therapist)
L.C.S.W. (Licensed Clinical Social Worker)
Ph.D., Psy.D. (Doctor of Psychology)
D.C. (Doctors of Chiropractic)
L.Ac. (Acupuncture)
D.D.S. (Doctor of Dental Surgery)
D.M.D. (Doctor of Medicine in Dentistry)
O.T. (Occupational Therapy)
O.D. (Optometry Doctor)
P.T. (Physical Therapist)
P.A. (Physician Assistant)
C.N.M. (Certified Nurse Midwife)
N.P. (Nurse Practitioner)
S.P. (Speech Pathology)
Au. (Audiology)
H.A. (Hearing Aids Dispenser)</t>
  </si>
  <si>
    <t>NPI</t>
  </si>
  <si>
    <t>Please provide the Providers Individual NPI</t>
  </si>
  <si>
    <t>S.S.N.</t>
  </si>
  <si>
    <t>D.O.B.</t>
  </si>
  <si>
    <t>Date of Birth</t>
  </si>
  <si>
    <t>GENDER</t>
  </si>
  <si>
    <t>Please identify whether the provide is Male or Female</t>
  </si>
  <si>
    <t>ETHNICITY</t>
  </si>
  <si>
    <t>Provider's cultural background (Optional)</t>
  </si>
  <si>
    <t>PROVIDER LANGUAGE 1</t>
  </si>
  <si>
    <t>Foreign Language Spoken (Fluently by Physician)</t>
  </si>
  <si>
    <t>PROVIDER LANGUAGE 2</t>
  </si>
  <si>
    <t>PROVIDER LANGUAGE 3</t>
  </si>
  <si>
    <t>SPECIALTY 1</t>
  </si>
  <si>
    <t>Provider's primary specialty
IEHP does not accept the following provider are not delegated to the IPA, therefore do not submit:
L.M.F.T. (Licensed Marriage Family Therapist)
L.C.S.W. (Licensed Clinical Social Worker)
Ph.D., Psy.D. (Doctor of Psychology)
L.Ac. (Acupuncture)
O.D. (Optometry Doctor)</t>
  </si>
  <si>
    <t>SPECIALTY 2</t>
  </si>
  <si>
    <t>Provider's Secondary specialty
IEHP does not accept the following provider are not delegated to the IPA, therefore do not submit:
L.M.F.T. (Licensed Marriage Family Therapist)
L.C.S.W. (Licensed Clinical Social Worker)
Ph.D., Psy.D. (Doctor of Psychology)
L.Ac. (Acupuncture)
O.D. (Optometry Doctor)</t>
  </si>
  <si>
    <t>PROVIDER'S AGE RANGE</t>
  </si>
  <si>
    <t>Please provide any age limitations for the provider</t>
  </si>
  <si>
    <t>SUPERVISING PHYSICIAN</t>
  </si>
  <si>
    <t>Applicable to Mid Level Practitioners only (Physician Assistants &amp; Nurse Practitioners) Please provide the name of the Supervising Physician</t>
  </si>
  <si>
    <t>Delegation of Services Agreement, Supervising Physician Form, Standardized Procedures, as applicable</t>
  </si>
  <si>
    <t>SUPERVISING PHYSICIAN SPECIALTY</t>
  </si>
  <si>
    <t>Applicable to Mid Level Practitioners only (Physician Assistants &amp; Nurse Practitioners) Please provide Supervising Physician's Specialty</t>
  </si>
  <si>
    <t>PRIMARY ADDRESS</t>
  </si>
  <si>
    <t xml:space="preserve">Primary office location that will be marketed under IEHP
W-9's and Contracts (1st and signature page, any addendums to ensure that the provider is affiliated with that contract) are required for all offices marketed with IEHP. </t>
  </si>
  <si>
    <t>PRIMARY CITY</t>
  </si>
  <si>
    <t>PRIMARY STATE</t>
  </si>
  <si>
    <t>PRIMARY ZIP</t>
  </si>
  <si>
    <t>PRIMARY PHONE</t>
  </si>
  <si>
    <t>PRIMARY FAX</t>
  </si>
  <si>
    <t>PRIMARY TAX IDENTIFICATION NUMBER (TIN)</t>
  </si>
  <si>
    <t>W-9</t>
  </si>
  <si>
    <t>PRIMARY NAME AFFILIATED WITH TIN</t>
  </si>
  <si>
    <t xml:space="preserve">Contract </t>
  </si>
  <si>
    <t>PRIMARY OFFICE HOURS MONDAY</t>
  </si>
  <si>
    <t>Office Hours for the primary location
(i.e. 9 am-5pm or 9am-12 pm 2pm-5pm, or Closed)</t>
  </si>
  <si>
    <t>PRIMARY OFFICE HOURS TUEDSDAY</t>
  </si>
  <si>
    <t>PRIMARY OFFICE HOURS WEDNESDAY</t>
  </si>
  <si>
    <t>PRIMARY OFFICE HOURS THURSDAY</t>
  </si>
  <si>
    <t>PRIMARY OFFICE HOURS FRIDAY</t>
  </si>
  <si>
    <t>PRIMARY OFFICE HOURS SATURDAY</t>
  </si>
  <si>
    <t>PRIMARY OFFICE HOURS SUNDAY</t>
  </si>
  <si>
    <t>SECONDARY ADDRESS</t>
  </si>
  <si>
    <t>Secondary office location that will be marketed under IEHP</t>
  </si>
  <si>
    <t>SECONDARY CITY</t>
  </si>
  <si>
    <t>SECONDARY STATE</t>
  </si>
  <si>
    <t>SECONDARY ZIP</t>
  </si>
  <si>
    <t>SECONDARY PHONE</t>
  </si>
  <si>
    <t>SECONDARY FAX</t>
  </si>
  <si>
    <t>SECONDARY TAX IDENTIFICATION NUMBER (TIN)</t>
  </si>
  <si>
    <t>SECONDARY NAME AFFILIATED WITH TIN</t>
  </si>
  <si>
    <t>SECONDARY OFFICE HOURS MONDAY</t>
  </si>
  <si>
    <t>Office Hours for the Secondary location
(i.e. 9 am-5pm or 9am-12 pm 2pm-5pm, or Closed)</t>
  </si>
  <si>
    <t>SECONDARY OFFICE HOURS TUEDSDAY</t>
  </si>
  <si>
    <t>SECONDARY OFFICE HOURS WEDNESDAY</t>
  </si>
  <si>
    <t>SECONDARY OFFICE HOURS THURSDAY</t>
  </si>
  <si>
    <t>SECONDARY OFFICE HOURS FRIDAY</t>
  </si>
  <si>
    <t>SECONDARY OFFICE HOURS SATURDAY</t>
  </si>
  <si>
    <t>SECONDARY OFFICE HOURS SUNDAY</t>
  </si>
  <si>
    <t>TERTIARY ADDRESS</t>
  </si>
  <si>
    <t>Tertiary office location that will be marketed under IEHP</t>
  </si>
  <si>
    <t>TERTIARY CITY</t>
  </si>
  <si>
    <t>TERTIARY STATE</t>
  </si>
  <si>
    <t>TERTIARY ZIP</t>
  </si>
  <si>
    <t>TERTIARY PHONE</t>
  </si>
  <si>
    <t>TERTIARY FAX</t>
  </si>
  <si>
    <t>TERTIARY TAX IDENTIFICATION NUMBER (TIN)</t>
  </si>
  <si>
    <t>TERTIARY NAME AFFILIATED WITH TIN</t>
  </si>
  <si>
    <t>TERTIARY OFFICE HOURS MONDAY</t>
  </si>
  <si>
    <t>Office Hours for the Tertiary location
(i.e. 9 am-5pm or 9am-12 pm 2pm-5pm, or Closed)</t>
  </si>
  <si>
    <t>TERTIARY OFFICE HOURS TUEDSDAY</t>
  </si>
  <si>
    <t>TERTIARY OFFICE HOURS WEDNESDAY</t>
  </si>
  <si>
    <t>TERTIARY OFFICE HOURS THURSDAY</t>
  </si>
  <si>
    <t>TERTIARY OFFICE HOURS FRIDAY</t>
  </si>
  <si>
    <t>TERTIARY OFFICE HOURS SATURDAY</t>
  </si>
  <si>
    <t>TERTIARY OFFICE HOURS SUNDAY</t>
  </si>
  <si>
    <t>MEDICAL LICENSE#</t>
  </si>
  <si>
    <t>Medical License # as listed on License</t>
  </si>
  <si>
    <t>MEDICAL LICENSE EXPIRATION DATE</t>
  </si>
  <si>
    <t>Date Medical License expires
(must be current at all times)</t>
  </si>
  <si>
    <t>DEA CERTIFICATE #</t>
  </si>
  <si>
    <t>DEA Certificate Number as listed on certificate</t>
  </si>
  <si>
    <t>DEA EXPIRATION DATE</t>
  </si>
  <si>
    <t>Date DEA Certificate expires
(must be current at all times)</t>
  </si>
  <si>
    <t>MALPRACTICE INSURANCE CARRIER NAME</t>
  </si>
  <si>
    <t>Malpractice Insurance Carrier Information as listed on Certificate
(must be current at all times and applicable to all locations where IEHP patients will be treated)</t>
  </si>
  <si>
    <t>MALPRACTICE INSURANCE POLICY#</t>
  </si>
  <si>
    <t>MALPRACTICE INSURANCE PER CLAIM AMOUNT</t>
  </si>
  <si>
    <t>MALPRACTICE INSURANCE PER AGGREGATE AMOUNT</t>
  </si>
  <si>
    <t>MALPRACTICE INSURANCE EXPIRATION DATE</t>
  </si>
  <si>
    <t>HOSPITAL NAME PRIMARY</t>
  </si>
  <si>
    <t>Name of IEHP affiliated Hospital, where the provider has admitting privileges
*If the provider is using a Hospitalist, list the name of the IEHP Affiliated Hospital the admitter will be using to admit patients</t>
  </si>
  <si>
    <t>Hospital Admitter Agreement</t>
  </si>
  <si>
    <t>HOSPITAL PRIVILEGE TYPE PRIMARY</t>
  </si>
  <si>
    <t>List the privilege type the provider has at the IEHP affiliated Hospital (provider must have admitting privileges i.e. Provisional, Active, Courtesy)
*If the provider is using a Hospitalist, List Hospital Admitter and provide the name of the Hospital Admitter (as it's listed on his/her license)</t>
  </si>
  <si>
    <t>HOSPITAL SPECIALTY PRIMARY</t>
  </si>
  <si>
    <t>List the Specialty privileges the provider has at the IEHP affiliated Hospital (Provider must have privileges for the specialty he/she is listed as under IEHP)
*If the provider is using a Hospitalist, List the Hospitalists' specialty</t>
  </si>
  <si>
    <t>HOSPITALIST AGE RANGE PRIMARY</t>
  </si>
  <si>
    <t>* If the provider is using a Hospitalist, list the age range for the Hospitalist who will be admitting patients</t>
  </si>
  <si>
    <t>HOSPITAL NAME SECONDARY</t>
  </si>
  <si>
    <t>HOSPITAL PRIVILEGE TYPE SECONDARY</t>
  </si>
  <si>
    <t>HOSPITAL SPECIALTY SECONDARY</t>
  </si>
  <si>
    <t>HOSPITALIST AGE RANGE SECONDARY</t>
  </si>
  <si>
    <t>HOSPITAL NAME TERTIARY</t>
  </si>
  <si>
    <t>HOSPITAL PRIVILEGE TYPE TERTIARY</t>
  </si>
  <si>
    <t>HOSPITAL SPECIALTY TERTIARY</t>
  </si>
  <si>
    <t>HOSPITALIST AGE RANGE TERTIARY</t>
  </si>
  <si>
    <t xml:space="preserve">NAME OF BOARD 1 </t>
  </si>
  <si>
    <t>Name of the Board who issued the certification (i.e. American Board of Internal Medicine)</t>
  </si>
  <si>
    <t>BOARD SPECIALTY 1</t>
  </si>
  <si>
    <t>Specialty in which the provider holds the certification (i.e. Gastroenterology, Critical Care Medicine, Internal Medicine)</t>
  </si>
  <si>
    <t>BOARD STATUS 1</t>
  </si>
  <si>
    <t>Status of the Board Certification (i.e. Active, Expired)</t>
  </si>
  <si>
    <t>BOARD CERTIFICATION EFFECTIVE 1</t>
  </si>
  <si>
    <t>Board Certification Effective Date</t>
  </si>
  <si>
    <t>BOARD CERTIFIATION EXPIRATION 1</t>
  </si>
  <si>
    <t>Board Certification Expiration Date (Lifetime Certification, please list lifetime or leave blank)</t>
  </si>
  <si>
    <t>BOARD VERIFICATION DATE (if applicable) 1</t>
  </si>
  <si>
    <t>Board Verification Date (if applicable)</t>
  </si>
  <si>
    <t xml:space="preserve">NAME OF BOARD 2 </t>
  </si>
  <si>
    <t>BOARD SPECIALTY 2</t>
  </si>
  <si>
    <t>BOARD STATUS 2</t>
  </si>
  <si>
    <t>BOARD CERTIFICATION EFFECTIVE 2</t>
  </si>
  <si>
    <t>BOARD CERTIFIATION EXPIRATION 2</t>
  </si>
  <si>
    <t>BOARD VERIFICATION DATE (if applicable) 2</t>
  </si>
  <si>
    <t xml:space="preserve">NAME OF BOARD 3 </t>
  </si>
  <si>
    <t>BOARD SPECIALTY 3</t>
  </si>
  <si>
    <t>BOARD STATUS 3</t>
  </si>
  <si>
    <t>BOARD CERTIFICATION EFFECTIVE 3</t>
  </si>
  <si>
    <t>BOARD CERTIFIATION EXPIRATION 3</t>
  </si>
  <si>
    <t>BOARD VERIFICATION DATE (if applicable) 3</t>
  </si>
  <si>
    <t>MEDICAL SCHOOL</t>
  </si>
  <si>
    <t>Name of Medical School</t>
  </si>
  <si>
    <t>GRADUATION DATE</t>
  </si>
  <si>
    <t>Date practitioner completed medical school</t>
  </si>
  <si>
    <t>INTERNSHIP INSTITUTION</t>
  </si>
  <si>
    <t>Name of Internship Institution</t>
  </si>
  <si>
    <t>INTERNSHIP SPECIALTY</t>
  </si>
  <si>
    <t>Type of Internship</t>
  </si>
  <si>
    <t>INTERNSHIP START DATE</t>
  </si>
  <si>
    <t>Start Date of Internship</t>
  </si>
  <si>
    <t>INTERNSHIP END DATE</t>
  </si>
  <si>
    <t>End Date of Internship</t>
  </si>
  <si>
    <t>RESIDENCY INSTITUTION 1</t>
  </si>
  <si>
    <t>Name of residency Institution</t>
  </si>
  <si>
    <t>RESIDENCY SPECIALTY 1</t>
  </si>
  <si>
    <t>Type of Training</t>
  </si>
  <si>
    <t>RESIDENCY START DATE 1</t>
  </si>
  <si>
    <t>Start Date of residency</t>
  </si>
  <si>
    <t>RESIDENCY END DATE 1</t>
  </si>
  <si>
    <t>End Date of residency</t>
  </si>
  <si>
    <t>RESIDENCY INSTITUTION 2</t>
  </si>
  <si>
    <t>RESIDENCY SPECIALTY 2</t>
  </si>
  <si>
    <t>RESIDENCY START DATE 2</t>
  </si>
  <si>
    <t>RESIDENCY END DATE 2</t>
  </si>
  <si>
    <t>FELLOWSHIP INSTITUTION 1</t>
  </si>
  <si>
    <t>Name of Fellowship Institution</t>
  </si>
  <si>
    <t>FELLOWSHIP SPECIALTY 1</t>
  </si>
  <si>
    <t>FELLOWSHIP START DATE 1</t>
  </si>
  <si>
    <t>Start Date of Fellowship</t>
  </si>
  <si>
    <t>FELLOWSHIP END DATE 1</t>
  </si>
  <si>
    <t>End Date of Fellowship</t>
  </si>
  <si>
    <t>FELLOWSHIP INSTITUTION 2</t>
  </si>
  <si>
    <t>FELLOWSHIP SPECIALTY 2</t>
  </si>
  <si>
    <t>FELLOWSHIP START DATE 2</t>
  </si>
  <si>
    <t>FELLOWSHIP END DATE 2</t>
  </si>
  <si>
    <t>LANGUAGE 1</t>
  </si>
  <si>
    <t>LANGUAGE 2</t>
  </si>
  <si>
    <t>LANGUAGE 3</t>
  </si>
  <si>
    <t>PRIMARY 
ADDRESS</t>
  </si>
  <si>
    <t>PRIMARY TIN</t>
  </si>
  <si>
    <t>PRIMARY 
NAME AFFILIATED WITH TIN</t>
  </si>
  <si>
    <t>PRIMARY OFFICE HOURS TUESDAY</t>
  </si>
  <si>
    <t>SECONDARY TIN</t>
  </si>
  <si>
    <t>SECONDARY OFFICE HOURS TUESDAY</t>
  </si>
  <si>
    <t>TERTIARY TIN</t>
  </si>
  <si>
    <t>TERTIARY OFFICE HOURS TUESDAY</t>
  </si>
  <si>
    <t>DEA #</t>
  </si>
  <si>
    <t>MALPRACTICE INSURANCE 
CARRIER NAME</t>
  </si>
  <si>
    <t>MALPRACTICE INSURANCE 
POLICY #</t>
  </si>
  <si>
    <t>MALPRACTICE INSURANCE 
PER CLAIM AMOUNT</t>
  </si>
  <si>
    <t>MALPRACTICE INSURANCE 
PER AGGREGATE AMOUNT</t>
  </si>
  <si>
    <t>MALPRACTICE INSURANE 
EXPIRATION DATE</t>
  </si>
  <si>
    <t>HOSPITAL NAME 
PRIMARY</t>
  </si>
  <si>
    <t>HOSPITAL STATUS PRIMARY</t>
  </si>
  <si>
    <t>HOSPITAL 
SPECIALTY 
PRIMARY</t>
  </si>
  <si>
    <t>HOSPITAL NAME 
SECONDARY</t>
  </si>
  <si>
    <t>HOSPITAL STATUS SECONDARY</t>
  </si>
  <si>
    <t>HOSPITAL 
SPECIALTY 
SECONDARY</t>
  </si>
  <si>
    <t>HOSPITAL NAME 
TERTIARY</t>
  </si>
  <si>
    <t>HOSPITAL STATUS TERTIARY</t>
  </si>
  <si>
    <t>HOSPITAL 
SPECIALTY 
TERTIARY</t>
  </si>
  <si>
    <t>NAME OF BOARD 1</t>
  </si>
  <si>
    <t>BOARD CERTIFICATION EXPIRATION 1</t>
  </si>
  <si>
    <t>NAME OF BOARD 2</t>
  </si>
  <si>
    <t>BOARD CERTIFICATION EXPIRATION 2</t>
  </si>
  <si>
    <t>NAME OF BOARD 3</t>
  </si>
  <si>
    <t>BOARD CERTIFICATION EXPIRATION 3</t>
  </si>
  <si>
    <t>MEDICAL LICENSE #</t>
  </si>
  <si>
    <t xml:space="preserve">RESIDENCY INSTITUTION 2 </t>
  </si>
  <si>
    <t>PRIMARY STAFF LANGUAGE 1</t>
  </si>
  <si>
    <t>PRIMARY STAFF LANGUAGE 2</t>
  </si>
  <si>
    <t>PRIMARY STAFF LANGUAGE 3</t>
  </si>
  <si>
    <t>SECONDARY STAFF LANGUAGE 1</t>
  </si>
  <si>
    <t>SECONDARY STAFF LANGUAGE 2</t>
  </si>
  <si>
    <t>SECONDARY STAFF LANGUAGE 3</t>
  </si>
  <si>
    <t>TERTIARY STAFF LANGUAGE 1</t>
  </si>
  <si>
    <t>TERTIARY STAFF LANGUAGE 2</t>
  </si>
  <si>
    <t>TERTIARY STAFF LANGUAGE 3</t>
  </si>
  <si>
    <t>FOURTH 
ADDRESS</t>
  </si>
  <si>
    <t>FOURTH CITY</t>
  </si>
  <si>
    <t>FOURTH STATE</t>
  </si>
  <si>
    <t>FOURTH ZIP</t>
  </si>
  <si>
    <t>FOURTH PHONE</t>
  </si>
  <si>
    <t>FOURTH FAX</t>
  </si>
  <si>
    <t>FOURTH TIN</t>
  </si>
  <si>
    <t>FOURTH 
NAME AFFILIATED WITH TIN</t>
  </si>
  <si>
    <t>FOURTH OFFICE HOURS MONDAY</t>
  </si>
  <si>
    <t>FOURTH OFFICE HOURS TUESDAY</t>
  </si>
  <si>
    <t>FOURTH OFFICE HOURS WEDNESDAY</t>
  </si>
  <si>
    <t>FOURTH OFFICE HOURS THURSDAY</t>
  </si>
  <si>
    <t>FOURTH OFFICE HOURS FRIDAY</t>
  </si>
  <si>
    <t>FOURTH OFFICE HOURS SATURDAY</t>
  </si>
  <si>
    <t>FOURTH OFFICE HOURS SUNDAY</t>
  </si>
  <si>
    <t>FOURTH STAFF LANGUAGE 1</t>
  </si>
  <si>
    <t>FOURTH STAFF LANGUAGE 2</t>
  </si>
  <si>
    <t>FOURTH STAFF LANGUAGE 3</t>
  </si>
  <si>
    <t>FIFTH ADDRESS</t>
  </si>
  <si>
    <t>FIFTH CITY</t>
  </si>
  <si>
    <t>FIFTH STATE</t>
  </si>
  <si>
    <t>FIFTH ZIP</t>
  </si>
  <si>
    <t>FIFTH PHONE</t>
  </si>
  <si>
    <t>FIFTH FAX</t>
  </si>
  <si>
    <t>FIFTH TIN</t>
  </si>
  <si>
    <t>FIFTH NAME AFFILIATED WITH TIN</t>
  </si>
  <si>
    <t>FIFTH OFFICE HOURS MONDAY</t>
  </si>
  <si>
    <t>FIFTH OFFICE HOURS TUESDAY</t>
  </si>
  <si>
    <t>FIFTH OFFICE HOURS WEDNESDAY</t>
  </si>
  <si>
    <t>FIFTH OFFICE HOURS THURSDAY</t>
  </si>
  <si>
    <t>FIFTH OFFICE HOURS FRIDAY</t>
  </si>
  <si>
    <t>FIFTH OFFICE HOURS SATURDAY</t>
  </si>
  <si>
    <t>FIFTH OFFICE HOURS SUNDAY</t>
  </si>
  <si>
    <t>FIFTH STAFF LANGUAGE 1</t>
  </si>
  <si>
    <t>FIFTH STAFF LANGUAGE 2</t>
  </si>
  <si>
    <t>FIFTH STAFF LANGUAGE 3</t>
  </si>
  <si>
    <t>SIXTH ADDRESS</t>
  </si>
  <si>
    <t>SIXTH CITY</t>
  </si>
  <si>
    <t>SIXTH STATE</t>
  </si>
  <si>
    <t>SIXTH ZIP</t>
  </si>
  <si>
    <t>SIXTH PHONE</t>
  </si>
  <si>
    <t>SIXTH FAX</t>
  </si>
  <si>
    <t>SIXTH TIN</t>
  </si>
  <si>
    <t>SIXTH NAME AFFILIATED WITH TIN</t>
  </si>
  <si>
    <t>SIXTH OFFICE HOURS MONDAY</t>
  </si>
  <si>
    <t>SIXTH OFFICE HOURS TUESDAY</t>
  </si>
  <si>
    <t>SIXTH OFFICE HOURS WEDNESDAY</t>
  </si>
  <si>
    <t>SIXTH OFFICE HOURS THURSDAY</t>
  </si>
  <si>
    <t>SIXTH OFFICE HOURS FRIDAY</t>
  </si>
  <si>
    <t>SIXTH OFFICE HOURS SATURDAY</t>
  </si>
  <si>
    <t>SIXTH OFFICE HOURS SUNDAY</t>
  </si>
  <si>
    <t>SIXTH STAFF LANGUAGE 1</t>
  </si>
  <si>
    <t>SIXTH STAFF LANGUAGE 2</t>
  </si>
  <si>
    <t>SIXTH STAFF LANGUAGE 3</t>
  </si>
  <si>
    <t>HOSPITAL NAME 
FOURTH</t>
  </si>
  <si>
    <t>HOSPITAL STATUS FOURTH</t>
  </si>
  <si>
    <t>HOSPITAL 
SPECIALTY 
FOURTH</t>
  </si>
  <si>
    <t>HOSPITALIST AGE RANGE FOURTH</t>
  </si>
  <si>
    <t>HOSPITAL NAME 
FIFTH</t>
  </si>
  <si>
    <t>HOSPITAL STATUS FIFTH</t>
  </si>
  <si>
    <t>HOSPITAL 
SPECIALTY 
FIFTH</t>
  </si>
  <si>
    <t>HOSPITALIST AGE RANGE FIFTH</t>
  </si>
  <si>
    <t>HOSPITAL NAME 
SIXTH</t>
  </si>
  <si>
    <t>HOSPITAL STATUS SIXTH</t>
  </si>
  <si>
    <t>HOSPITAL 
SPECIALTY 
SIXTH</t>
  </si>
  <si>
    <t>HOSPITALIST AGE RANGE SIXTH</t>
  </si>
  <si>
    <t>SIXTH office location that will be marketed under IEHP</t>
  </si>
  <si>
    <t>SIXTH TAX IDENTIFICATION NUMBER (TIN)</t>
  </si>
  <si>
    <t>Office Hours for the SIXTH location
(i.e. 9 am-5pm or 9am-12 pm 2pm-5pm, or Closed)</t>
  </si>
  <si>
    <t>SIXTH OFFICE HOURS TUEDSDAY</t>
  </si>
  <si>
    <t>FIFTH office location that will be marketed under IEHP</t>
  </si>
  <si>
    <t>FIFTH TAX IDENTIFICATION NUMBER (TIN)</t>
  </si>
  <si>
    <t>Office Hours for the FIFTH location
(i.e. 9 am-5pm or 9am-12 pm 2pm-5pm, or Closed)</t>
  </si>
  <si>
    <t>FIFTH OFFICE HOURS TUEDSDAY</t>
  </si>
  <si>
    <t>FOURTH ADDRESS</t>
  </si>
  <si>
    <t xml:space="preserve">FOURTH office location that will be marketed under IEHP
W-9's and Contracts (1st and signature page, any addendums to ensure that the provider is affiliated with that contract) are required for all offices marketed with IEHP. </t>
  </si>
  <si>
    <t>FOURTH TAX IDENTIFICATION NUMBER (TIN)</t>
  </si>
  <si>
    <t>FOURTH NAME AFFILIATED WITH TIN</t>
  </si>
  <si>
    <t>Office Hours for the FOURTH location
(i.e. 9 am-5pm or 9am-12 pm 2pm-5pm, or Closed)</t>
  </si>
  <si>
    <t>FOURTH OFFICE HOURS TUEDSDAY</t>
  </si>
  <si>
    <t>PRIMARY PRACTICE NAME</t>
  </si>
  <si>
    <t>SECONDARY PRACTICE NAME</t>
  </si>
  <si>
    <t>TERTIARY PRACTICE NAME</t>
  </si>
  <si>
    <t>FOURTH PRACTICE NAME</t>
  </si>
  <si>
    <t>FIFTH PRACTICE NAME</t>
  </si>
  <si>
    <t>SIXTH PRACTICE NAME</t>
  </si>
  <si>
    <t>NETWORK</t>
  </si>
  <si>
    <t>Name of Delegated Network</t>
  </si>
  <si>
    <t>Social Security Number</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64" formatCode="000\-00\-0000"/>
    <numFmt numFmtId="165" formatCode="mm/dd/yy;@"/>
  </numFmts>
  <fonts count="5" x14ac:knownFonts="1">
    <font>
      <sz val="11"/>
      <color theme="1"/>
      <name val="Calibri"/>
      <family val="2"/>
      <scheme val="minor"/>
    </font>
    <font>
      <sz val="11"/>
      <color theme="1"/>
      <name val="Calibri"/>
      <family val="2"/>
      <scheme val="minor"/>
    </font>
    <font>
      <b/>
      <sz val="11"/>
      <color theme="1"/>
      <name val="Calibri"/>
      <family val="2"/>
      <scheme val="minor"/>
    </font>
    <font>
      <sz val="9"/>
      <color indexed="81"/>
      <name val="Tahoma"/>
      <family val="2"/>
    </font>
    <font>
      <b/>
      <sz val="11"/>
      <name val="Calibri"/>
      <family val="2"/>
      <scheme val="minor"/>
    </font>
  </fonts>
  <fills count="4">
    <fill>
      <patternFill patternType="none"/>
    </fill>
    <fill>
      <patternFill patternType="gray125"/>
    </fill>
    <fill>
      <patternFill patternType="solid">
        <fgColor rgb="FFFFFFCC"/>
      </patternFill>
    </fill>
    <fill>
      <patternFill patternType="solid">
        <fgColor theme="0" tint="-0.14999847407452621"/>
        <bgColor indexed="64"/>
      </patternFill>
    </fill>
  </fills>
  <borders count="2">
    <border>
      <left/>
      <right/>
      <top/>
      <bottom/>
      <diagonal/>
    </border>
    <border>
      <left style="thin">
        <color rgb="FFB2B2B2"/>
      </left>
      <right style="thin">
        <color rgb="FFB2B2B2"/>
      </right>
      <top style="thin">
        <color rgb="FFB2B2B2"/>
      </top>
      <bottom style="thin">
        <color rgb="FFB2B2B2"/>
      </bottom>
      <diagonal/>
    </border>
  </borders>
  <cellStyleXfs count="2">
    <xf numFmtId="0" fontId="0" fillId="0" borderId="0"/>
    <xf numFmtId="0" fontId="1" fillId="2" borderId="1" applyNumberFormat="0" applyFont="0" applyAlignment="0" applyProtection="0"/>
  </cellStyleXfs>
  <cellXfs count="21">
    <xf numFmtId="0" fontId="0" fillId="0" borderId="0" xfId="0"/>
    <xf numFmtId="0" fontId="2" fillId="3" borderId="0" xfId="0" applyFont="1" applyFill="1" applyAlignment="1">
      <alignment horizontal="center"/>
    </xf>
    <xf numFmtId="0" fontId="2" fillId="3" borderId="0" xfId="0" applyFont="1" applyFill="1" applyAlignment="1">
      <alignment wrapText="1"/>
    </xf>
    <xf numFmtId="0" fontId="0" fillId="0" borderId="0" xfId="0" applyFont="1"/>
    <xf numFmtId="0" fontId="0" fillId="0" borderId="0" xfId="0" applyFont="1" applyAlignment="1">
      <alignment wrapText="1"/>
    </xf>
    <xf numFmtId="0" fontId="0" fillId="0" borderId="0" xfId="0" applyAlignment="1">
      <alignment wrapText="1"/>
    </xf>
    <xf numFmtId="0" fontId="0" fillId="0" borderId="0" xfId="0" applyAlignment="1">
      <alignment horizontal="center" wrapText="1"/>
    </xf>
    <xf numFmtId="0" fontId="0" fillId="0" borderId="0" xfId="0" applyAlignment="1">
      <alignment horizontal="left" wrapText="1"/>
    </xf>
    <xf numFmtId="14" fontId="0" fillId="0" borderId="0" xfId="0" applyNumberFormat="1" applyAlignment="1">
      <alignment horizontal="left" wrapText="1"/>
    </xf>
    <xf numFmtId="164" fontId="0" fillId="0" borderId="0" xfId="0" applyNumberFormat="1" applyAlignment="1">
      <alignment horizontal="left" wrapText="1"/>
    </xf>
    <xf numFmtId="165" fontId="0" fillId="0" borderId="0" xfId="0" applyNumberFormat="1" applyAlignment="1">
      <alignment horizontal="left" wrapText="1"/>
    </xf>
    <xf numFmtId="16" fontId="0" fillId="0" borderId="0" xfId="0" applyNumberFormat="1" applyAlignment="1">
      <alignment horizontal="left" wrapText="1"/>
    </xf>
    <xf numFmtId="0" fontId="4" fillId="3" borderId="1" xfId="1" applyFont="1" applyFill="1" applyAlignment="1">
      <alignment horizontal="center" wrapText="1"/>
    </xf>
    <xf numFmtId="0" fontId="4" fillId="3" borderId="0" xfId="0" applyFont="1" applyFill="1" applyAlignment="1">
      <alignment horizontal="center" wrapText="1"/>
    </xf>
    <xf numFmtId="164" fontId="4" fillId="3" borderId="0" xfId="0" applyNumberFormat="1" applyFont="1" applyFill="1" applyAlignment="1">
      <alignment horizontal="center" wrapText="1"/>
    </xf>
    <xf numFmtId="165" fontId="4" fillId="3" borderId="0" xfId="0" applyNumberFormat="1" applyFont="1" applyFill="1" applyAlignment="1">
      <alignment horizontal="center" wrapText="1"/>
    </xf>
    <xf numFmtId="0" fontId="0" fillId="0" borderId="0" xfId="0" applyFont="1" applyAlignment="1">
      <alignment horizontal="left" vertical="center"/>
    </xf>
    <xf numFmtId="0" fontId="0" fillId="0" borderId="0" xfId="0" applyAlignment="1">
      <alignment vertical="center" wrapText="1"/>
    </xf>
    <xf numFmtId="0" fontId="0" fillId="0" borderId="0" xfId="0" applyFont="1" applyAlignment="1">
      <alignment vertical="center"/>
    </xf>
    <xf numFmtId="0" fontId="0" fillId="0" borderId="0" xfId="0" applyAlignment="1">
      <alignment horizontal="left" vertical="center" wrapText="1"/>
    </xf>
    <xf numFmtId="0" fontId="0" fillId="0" borderId="0" xfId="0" applyFont="1" applyAlignment="1">
      <alignment horizontal="left" vertical="center"/>
    </xf>
  </cellXfs>
  <cellStyles count="2">
    <cellStyle name="Normal" xfId="0" builtinId="0"/>
    <cellStyle name="Note" xfId="1" builtinId="1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drawings/_rels/vmlDrawing3.vml.rels><?xml version="1.0" encoding="UTF-8" standalone="yes"?>
<Relationships xmlns="http://schemas.openxmlformats.org/package/2006/relationships"><Relationship Id="rId1" Type="http://schemas.openxmlformats.org/officeDocument/2006/relationships/image" Target="../media/image1.png"/></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3" Type="http://schemas.openxmlformats.org/officeDocument/2006/relationships/comments" Target="../comments2.xml"/><Relationship Id="rId2" Type="http://schemas.openxmlformats.org/officeDocument/2006/relationships/vmlDrawing" Target="../drawings/vmlDrawing2.v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vmlDrawing" Target="../drawings/vmlDrawing3.vml"/><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HB2"/>
  <sheetViews>
    <sheetView tabSelected="1" view="pageBreakPreview" zoomScale="60" zoomScaleNormal="100" workbookViewId="0">
      <selection activeCell="HJ1" sqref="HJ1"/>
    </sheetView>
  </sheetViews>
  <sheetFormatPr defaultRowHeight="15" x14ac:dyDescent="0.25"/>
  <cols>
    <col min="1" max="1" width="34.28515625" style="7" customWidth="1"/>
    <col min="2" max="2" width="9.5703125" style="7" bestFit="1" customWidth="1"/>
    <col min="3" max="4" width="10.7109375" style="7" bestFit="1" customWidth="1"/>
    <col min="5" max="5" width="10.5703125" style="7" bestFit="1" customWidth="1"/>
    <col min="6" max="7" width="18.28515625" style="7" customWidth="1"/>
    <col min="8" max="8" width="4.5703125" style="7" bestFit="1" customWidth="1"/>
    <col min="9" max="10" width="9.140625" style="7"/>
    <col min="11" max="11" width="11" style="7" bestFit="1" customWidth="1"/>
    <col min="12" max="12" width="11.42578125" style="9" bestFit="1" customWidth="1"/>
    <col min="13" max="13" width="8.7109375" style="10" bestFit="1" customWidth="1"/>
    <col min="14" max="14" width="8.140625" style="7" bestFit="1" customWidth="1"/>
    <col min="15" max="15" width="12.5703125" style="7" customWidth="1"/>
    <col min="16" max="18" width="12.7109375" style="7" customWidth="1"/>
    <col min="19" max="20" width="26.5703125" style="7" customWidth="1"/>
    <col min="21" max="21" width="22.85546875" style="7" bestFit="1" customWidth="1"/>
    <col min="22" max="24" width="26.5703125" style="7" customWidth="1"/>
    <col min="25" max="25" width="38.42578125" style="7" customWidth="1"/>
    <col min="26" max="26" width="16.140625" style="7" customWidth="1"/>
    <col min="27" max="28" width="9" style="7" bestFit="1" customWidth="1"/>
    <col min="29" max="30" width="13.7109375" style="7" customWidth="1"/>
    <col min="31" max="31" width="10.7109375" style="7" customWidth="1"/>
    <col min="32" max="32" width="34" style="7" customWidth="1"/>
    <col min="33" max="34" width="10.5703125" style="7" customWidth="1"/>
    <col min="35" max="35" width="12.140625" style="7" customWidth="1"/>
    <col min="36" max="43" width="10.5703125" style="7" customWidth="1"/>
    <col min="44" max="44" width="40.42578125" style="7" customWidth="1"/>
    <col min="45" max="45" width="15.42578125" style="7" customWidth="1"/>
    <col min="46" max="47" width="11.7109375" style="7" bestFit="1" customWidth="1"/>
    <col min="48" max="49" width="13.7109375" style="7" customWidth="1"/>
    <col min="50" max="50" width="12.28515625" style="7" customWidth="1"/>
    <col min="51" max="51" width="39" style="7" customWidth="1"/>
    <col min="52" max="53" width="11.85546875" style="7" customWidth="1"/>
    <col min="54" max="54" width="12.85546875" style="7" customWidth="1"/>
    <col min="55" max="58" width="11.85546875" style="7" customWidth="1"/>
    <col min="59" max="62" width="10.5703125" style="7" customWidth="1"/>
    <col min="63" max="63" width="39.140625" style="7" customWidth="1"/>
    <col min="64" max="64" width="12.7109375" style="7" customWidth="1"/>
    <col min="65" max="65" width="9.140625" style="7" bestFit="1" customWidth="1"/>
    <col min="66" max="66" width="11.85546875" style="7" customWidth="1"/>
    <col min="67" max="68" width="13.7109375" style="7" customWidth="1"/>
    <col min="69" max="69" width="10.7109375" style="7" customWidth="1"/>
    <col min="70" max="70" width="33.7109375" style="7" customWidth="1"/>
    <col min="71" max="72" width="11.85546875" style="7" customWidth="1"/>
    <col min="73" max="73" width="13" style="7" customWidth="1"/>
    <col min="74" max="77" width="11.85546875" style="7" customWidth="1"/>
    <col min="78" max="81" width="10.5703125" style="7" customWidth="1"/>
    <col min="82" max="82" width="38.42578125" style="7" customWidth="1"/>
    <col min="83" max="83" width="16.140625" style="7" customWidth="1"/>
    <col min="84" max="85" width="9" style="7" bestFit="1" customWidth="1"/>
    <col min="86" max="87" width="13.7109375" style="7" customWidth="1"/>
    <col min="88" max="88" width="10.7109375" style="7" customWidth="1"/>
    <col min="89" max="89" width="34" style="7" customWidth="1"/>
    <col min="90" max="91" width="10.5703125" style="7" customWidth="1"/>
    <col min="92" max="92" width="12.140625" style="7" customWidth="1"/>
    <col min="93" max="100" width="10.5703125" style="7" customWidth="1"/>
    <col min="101" max="101" width="40.42578125" style="7" customWidth="1"/>
    <col min="102" max="102" width="15.42578125" style="7" customWidth="1"/>
    <col min="103" max="104" width="11.7109375" style="7" bestFit="1" customWidth="1"/>
    <col min="105" max="106" width="13.7109375" style="7" customWidth="1"/>
    <col min="107" max="107" width="12.28515625" style="7" customWidth="1"/>
    <col min="108" max="108" width="39" style="7" customWidth="1"/>
    <col min="109" max="110" width="11.85546875" style="7" customWidth="1"/>
    <col min="111" max="111" width="12.85546875" style="7" customWidth="1"/>
    <col min="112" max="115" width="11.85546875" style="7" customWidth="1"/>
    <col min="116" max="119" width="10.5703125" style="7" customWidth="1"/>
    <col min="120" max="120" width="39.140625" style="7" customWidth="1"/>
    <col min="121" max="121" width="12.7109375" style="7" customWidth="1"/>
    <col min="122" max="122" width="9.140625" style="7" bestFit="1" customWidth="1"/>
    <col min="123" max="123" width="11.85546875" style="7" customWidth="1"/>
    <col min="124" max="125" width="13.7109375" style="7" customWidth="1"/>
    <col min="126" max="126" width="10.7109375" style="7" customWidth="1"/>
    <col min="127" max="127" width="33.7109375" style="7" customWidth="1"/>
    <col min="128" max="129" width="11.85546875" style="7" customWidth="1"/>
    <col min="130" max="130" width="13" style="7" customWidth="1"/>
    <col min="131" max="134" width="11.85546875" style="7" customWidth="1"/>
    <col min="135" max="137" width="10.5703125" style="7" customWidth="1"/>
    <col min="138" max="141" width="13.140625" style="7" customWidth="1"/>
    <col min="142" max="142" width="33.140625" style="7" customWidth="1"/>
    <col min="143" max="146" width="13.140625" style="7" customWidth="1"/>
    <col min="147" max="147" width="40.7109375" style="7" customWidth="1"/>
    <col min="148" max="148" width="14" style="7" customWidth="1"/>
    <col min="149" max="149" width="20.28515625" style="7" customWidth="1"/>
    <col min="150" max="150" width="14.42578125" style="7" customWidth="1"/>
    <col min="151" max="151" width="40.7109375" style="7" customWidth="1"/>
    <col min="152" max="154" width="14.140625" style="7" customWidth="1"/>
    <col min="155" max="155" width="40.7109375" style="7" customWidth="1"/>
    <col min="156" max="156" width="14.140625" style="7" customWidth="1"/>
    <col min="157" max="157" width="10.140625" style="7" bestFit="1" customWidth="1"/>
    <col min="158" max="158" width="12.42578125" style="7" customWidth="1"/>
    <col min="159" max="159" width="40.7109375" style="7" customWidth="1"/>
    <col min="160" max="160" width="14" style="7" customWidth="1"/>
    <col min="161" max="161" width="20.28515625" style="7" customWidth="1"/>
    <col min="162" max="162" width="14.42578125" style="7" customWidth="1"/>
    <col min="163" max="163" width="40.7109375" style="7" customWidth="1"/>
    <col min="164" max="166" width="14.140625" style="7" customWidth="1"/>
    <col min="167" max="167" width="40.7109375" style="7" customWidth="1"/>
    <col min="168" max="168" width="14.140625" style="7" customWidth="1"/>
    <col min="169" max="169" width="10.140625" style="7" bestFit="1" customWidth="1"/>
    <col min="170" max="170" width="12.42578125" style="7" customWidth="1"/>
    <col min="171" max="171" width="45.42578125" style="7" customWidth="1"/>
    <col min="172" max="172" width="9" style="7" bestFit="1" customWidth="1"/>
    <col min="173" max="173" width="9.140625" style="7"/>
    <col min="174" max="176" width="10.7109375" style="7" bestFit="1" customWidth="1"/>
    <col min="177" max="177" width="8.7109375" style="7" bestFit="1" customWidth="1"/>
    <col min="178" max="178" width="9" style="7" bestFit="1" customWidth="1"/>
    <col min="179" max="180" width="10.7109375" style="7" bestFit="1" customWidth="1"/>
    <col min="181" max="181" width="8.85546875" style="7" bestFit="1" customWidth="1"/>
    <col min="182" max="182" width="9" style="7" bestFit="1" customWidth="1"/>
    <col min="183" max="183" width="8.7109375" style="7" bestFit="1" customWidth="1"/>
    <col min="184" max="184" width="9" style="7" bestFit="1" customWidth="1"/>
    <col min="185" max="185" width="9.140625" style="7"/>
    <col min="186" max="186" width="10.7109375" style="7" bestFit="1" customWidth="1"/>
    <col min="187" max="187" width="8.85546875" style="7" bestFit="1" customWidth="1"/>
    <col min="188" max="188" width="9" style="7" bestFit="1" customWidth="1"/>
    <col min="189" max="192" width="9.140625" style="7"/>
    <col min="193" max="194" width="10.7109375" style="7" bestFit="1" customWidth="1"/>
    <col min="195" max="196" width="9.140625" style="7"/>
    <col min="197" max="198" width="10.7109375" style="7" bestFit="1" customWidth="1"/>
    <col min="199" max="200" width="9.140625" style="7"/>
    <col min="201" max="202" width="10.7109375" style="7" bestFit="1" customWidth="1"/>
    <col min="203" max="204" width="9.140625" style="7"/>
    <col min="205" max="206" width="10.7109375" style="7" bestFit="1" customWidth="1"/>
    <col min="207" max="208" width="9.140625" style="7"/>
    <col min="209" max="210" width="10.7109375" style="7" bestFit="1" customWidth="1"/>
    <col min="211" max="16384" width="9.140625" style="7"/>
  </cols>
  <sheetData>
    <row r="1" spans="1:210" s="6" customFormat="1" ht="90" x14ac:dyDescent="0.25">
      <c r="A1" s="12" t="s">
        <v>317</v>
      </c>
      <c r="B1" s="13" t="s">
        <v>3</v>
      </c>
      <c r="C1" s="13" t="s">
        <v>5</v>
      </c>
      <c r="D1" s="13" t="s">
        <v>7</v>
      </c>
      <c r="E1" s="13" t="s">
        <v>9</v>
      </c>
      <c r="F1" s="13" t="s">
        <v>11</v>
      </c>
      <c r="G1" s="13" t="s">
        <v>13</v>
      </c>
      <c r="H1" s="13" t="s">
        <v>15</v>
      </c>
      <c r="I1" s="13" t="s">
        <v>17</v>
      </c>
      <c r="J1" s="13" t="s">
        <v>19</v>
      </c>
      <c r="K1" s="13" t="s">
        <v>21</v>
      </c>
      <c r="L1" s="14" t="s">
        <v>23</v>
      </c>
      <c r="M1" s="15" t="s">
        <v>24</v>
      </c>
      <c r="N1" s="13" t="s">
        <v>26</v>
      </c>
      <c r="O1" s="13" t="s">
        <v>28</v>
      </c>
      <c r="P1" s="13" t="s">
        <v>188</v>
      </c>
      <c r="Q1" s="13" t="s">
        <v>189</v>
      </c>
      <c r="R1" s="13" t="s">
        <v>190</v>
      </c>
      <c r="S1" s="13" t="s">
        <v>34</v>
      </c>
      <c r="T1" s="13" t="s">
        <v>36</v>
      </c>
      <c r="U1" s="13" t="s">
        <v>38</v>
      </c>
      <c r="V1" s="13" t="s">
        <v>40</v>
      </c>
      <c r="W1" s="13" t="s">
        <v>43</v>
      </c>
      <c r="X1" s="13" t="s">
        <v>311</v>
      </c>
      <c r="Y1" s="13" t="s">
        <v>191</v>
      </c>
      <c r="Z1" s="13" t="s">
        <v>47</v>
      </c>
      <c r="AA1" s="13" t="s">
        <v>48</v>
      </c>
      <c r="AB1" s="13" t="s">
        <v>49</v>
      </c>
      <c r="AC1" s="13" t="s">
        <v>50</v>
      </c>
      <c r="AD1" s="13" t="s">
        <v>51</v>
      </c>
      <c r="AE1" s="13" t="s">
        <v>192</v>
      </c>
      <c r="AF1" s="13" t="s">
        <v>193</v>
      </c>
      <c r="AG1" s="13" t="s">
        <v>56</v>
      </c>
      <c r="AH1" s="13" t="s">
        <v>194</v>
      </c>
      <c r="AI1" s="13" t="s">
        <v>59</v>
      </c>
      <c r="AJ1" s="13" t="s">
        <v>60</v>
      </c>
      <c r="AK1" s="13" t="s">
        <v>61</v>
      </c>
      <c r="AL1" s="13" t="s">
        <v>62</v>
      </c>
      <c r="AM1" s="13" t="s">
        <v>63</v>
      </c>
      <c r="AN1" s="13" t="s">
        <v>222</v>
      </c>
      <c r="AO1" s="13" t="s">
        <v>223</v>
      </c>
      <c r="AP1" s="13" t="s">
        <v>224</v>
      </c>
      <c r="AQ1" s="13" t="s">
        <v>312</v>
      </c>
      <c r="AR1" s="13" t="s">
        <v>64</v>
      </c>
      <c r="AS1" s="13" t="s">
        <v>66</v>
      </c>
      <c r="AT1" s="13" t="s">
        <v>67</v>
      </c>
      <c r="AU1" s="13" t="s">
        <v>68</v>
      </c>
      <c r="AV1" s="13" t="s">
        <v>69</v>
      </c>
      <c r="AW1" s="13" t="s">
        <v>70</v>
      </c>
      <c r="AX1" s="13" t="s">
        <v>195</v>
      </c>
      <c r="AY1" s="13" t="s">
        <v>72</v>
      </c>
      <c r="AZ1" s="13" t="s">
        <v>73</v>
      </c>
      <c r="BA1" s="13" t="s">
        <v>196</v>
      </c>
      <c r="BB1" s="13" t="s">
        <v>76</v>
      </c>
      <c r="BC1" s="13" t="s">
        <v>77</v>
      </c>
      <c r="BD1" s="13" t="s">
        <v>78</v>
      </c>
      <c r="BE1" s="13" t="s">
        <v>79</v>
      </c>
      <c r="BF1" s="13" t="s">
        <v>80</v>
      </c>
      <c r="BG1" s="13" t="s">
        <v>225</v>
      </c>
      <c r="BH1" s="13" t="s">
        <v>226</v>
      </c>
      <c r="BI1" s="13" t="s">
        <v>227</v>
      </c>
      <c r="BJ1" s="13" t="s">
        <v>313</v>
      </c>
      <c r="BK1" s="13" t="s">
        <v>81</v>
      </c>
      <c r="BL1" s="13" t="s">
        <v>83</v>
      </c>
      <c r="BM1" s="13" t="s">
        <v>84</v>
      </c>
      <c r="BN1" s="13" t="s">
        <v>85</v>
      </c>
      <c r="BO1" s="13" t="s">
        <v>86</v>
      </c>
      <c r="BP1" s="13" t="s">
        <v>87</v>
      </c>
      <c r="BQ1" s="13" t="s">
        <v>197</v>
      </c>
      <c r="BR1" s="13" t="s">
        <v>89</v>
      </c>
      <c r="BS1" s="13" t="s">
        <v>90</v>
      </c>
      <c r="BT1" s="13" t="s">
        <v>198</v>
      </c>
      <c r="BU1" s="13" t="s">
        <v>93</v>
      </c>
      <c r="BV1" s="13" t="s">
        <v>94</v>
      </c>
      <c r="BW1" s="13" t="s">
        <v>95</v>
      </c>
      <c r="BX1" s="13" t="s">
        <v>96</v>
      </c>
      <c r="BY1" s="13" t="s">
        <v>97</v>
      </c>
      <c r="BZ1" s="13" t="s">
        <v>228</v>
      </c>
      <c r="CA1" s="13" t="s">
        <v>229</v>
      </c>
      <c r="CB1" s="13" t="s">
        <v>230</v>
      </c>
      <c r="CC1" s="13" t="s">
        <v>314</v>
      </c>
      <c r="CD1" s="13" t="s">
        <v>231</v>
      </c>
      <c r="CE1" s="13" t="s">
        <v>232</v>
      </c>
      <c r="CF1" s="13" t="s">
        <v>233</v>
      </c>
      <c r="CG1" s="13" t="s">
        <v>234</v>
      </c>
      <c r="CH1" s="13" t="s">
        <v>235</v>
      </c>
      <c r="CI1" s="13" t="s">
        <v>236</v>
      </c>
      <c r="CJ1" s="13" t="s">
        <v>237</v>
      </c>
      <c r="CK1" s="13" t="s">
        <v>238</v>
      </c>
      <c r="CL1" s="13" t="s">
        <v>239</v>
      </c>
      <c r="CM1" s="13" t="s">
        <v>240</v>
      </c>
      <c r="CN1" s="13" t="s">
        <v>241</v>
      </c>
      <c r="CO1" s="13" t="s">
        <v>242</v>
      </c>
      <c r="CP1" s="13" t="s">
        <v>243</v>
      </c>
      <c r="CQ1" s="13" t="s">
        <v>244</v>
      </c>
      <c r="CR1" s="13" t="s">
        <v>245</v>
      </c>
      <c r="CS1" s="13" t="s">
        <v>246</v>
      </c>
      <c r="CT1" s="13" t="s">
        <v>247</v>
      </c>
      <c r="CU1" s="13" t="s">
        <v>248</v>
      </c>
      <c r="CV1" s="13" t="s">
        <v>315</v>
      </c>
      <c r="CW1" s="13" t="s">
        <v>249</v>
      </c>
      <c r="CX1" s="13" t="s">
        <v>250</v>
      </c>
      <c r="CY1" s="13" t="s">
        <v>251</v>
      </c>
      <c r="CZ1" s="13" t="s">
        <v>252</v>
      </c>
      <c r="DA1" s="13" t="s">
        <v>253</v>
      </c>
      <c r="DB1" s="13" t="s">
        <v>254</v>
      </c>
      <c r="DC1" s="13" t="s">
        <v>255</v>
      </c>
      <c r="DD1" s="13" t="s">
        <v>256</v>
      </c>
      <c r="DE1" s="13" t="s">
        <v>257</v>
      </c>
      <c r="DF1" s="13" t="s">
        <v>258</v>
      </c>
      <c r="DG1" s="13" t="s">
        <v>259</v>
      </c>
      <c r="DH1" s="13" t="s">
        <v>260</v>
      </c>
      <c r="DI1" s="13" t="s">
        <v>261</v>
      </c>
      <c r="DJ1" s="13" t="s">
        <v>262</v>
      </c>
      <c r="DK1" s="13" t="s">
        <v>263</v>
      </c>
      <c r="DL1" s="13" t="s">
        <v>264</v>
      </c>
      <c r="DM1" s="13" t="s">
        <v>265</v>
      </c>
      <c r="DN1" s="13" t="s">
        <v>266</v>
      </c>
      <c r="DO1" s="13" t="s">
        <v>316</v>
      </c>
      <c r="DP1" s="13" t="s">
        <v>267</v>
      </c>
      <c r="DQ1" s="13" t="s">
        <v>268</v>
      </c>
      <c r="DR1" s="13" t="s">
        <v>269</v>
      </c>
      <c r="DS1" s="13" t="s">
        <v>270</v>
      </c>
      <c r="DT1" s="13" t="s">
        <v>271</v>
      </c>
      <c r="DU1" s="13" t="s">
        <v>272</v>
      </c>
      <c r="DV1" s="13" t="s">
        <v>273</v>
      </c>
      <c r="DW1" s="13" t="s">
        <v>274</v>
      </c>
      <c r="DX1" s="13" t="s">
        <v>275</v>
      </c>
      <c r="DY1" s="13" t="s">
        <v>276</v>
      </c>
      <c r="DZ1" s="13" t="s">
        <v>277</v>
      </c>
      <c r="EA1" s="13" t="s">
        <v>278</v>
      </c>
      <c r="EB1" s="13" t="s">
        <v>279</v>
      </c>
      <c r="EC1" s="13" t="s">
        <v>280</v>
      </c>
      <c r="ED1" s="13" t="s">
        <v>281</v>
      </c>
      <c r="EE1" s="13" t="s">
        <v>282</v>
      </c>
      <c r="EF1" s="13" t="s">
        <v>283</v>
      </c>
      <c r="EG1" s="13" t="s">
        <v>284</v>
      </c>
      <c r="EH1" s="13" t="s">
        <v>220</v>
      </c>
      <c r="EI1" s="13" t="s">
        <v>100</v>
      </c>
      <c r="EJ1" s="13" t="s">
        <v>199</v>
      </c>
      <c r="EK1" s="13" t="s">
        <v>104</v>
      </c>
      <c r="EL1" s="13" t="s">
        <v>200</v>
      </c>
      <c r="EM1" s="13" t="s">
        <v>201</v>
      </c>
      <c r="EN1" s="13" t="s">
        <v>202</v>
      </c>
      <c r="EO1" s="13" t="s">
        <v>203</v>
      </c>
      <c r="EP1" s="13" t="s">
        <v>204</v>
      </c>
      <c r="EQ1" s="13" t="s">
        <v>205</v>
      </c>
      <c r="ER1" s="13" t="s">
        <v>206</v>
      </c>
      <c r="ES1" s="13" t="s">
        <v>207</v>
      </c>
      <c r="ET1" s="13" t="s">
        <v>119</v>
      </c>
      <c r="EU1" s="13" t="s">
        <v>208</v>
      </c>
      <c r="EV1" s="13" t="s">
        <v>209</v>
      </c>
      <c r="EW1" s="13" t="s">
        <v>210</v>
      </c>
      <c r="EX1" s="13" t="s">
        <v>124</v>
      </c>
      <c r="EY1" s="13" t="s">
        <v>211</v>
      </c>
      <c r="EZ1" s="13" t="s">
        <v>212</v>
      </c>
      <c r="FA1" s="13" t="s">
        <v>213</v>
      </c>
      <c r="FB1" s="13" t="s">
        <v>128</v>
      </c>
      <c r="FC1" s="13" t="s">
        <v>285</v>
      </c>
      <c r="FD1" s="13" t="s">
        <v>286</v>
      </c>
      <c r="FE1" s="13" t="s">
        <v>287</v>
      </c>
      <c r="FF1" s="13" t="s">
        <v>288</v>
      </c>
      <c r="FG1" s="13" t="s">
        <v>289</v>
      </c>
      <c r="FH1" s="13" t="s">
        <v>290</v>
      </c>
      <c r="FI1" s="13" t="s">
        <v>291</v>
      </c>
      <c r="FJ1" s="13" t="s">
        <v>292</v>
      </c>
      <c r="FK1" s="13" t="s">
        <v>293</v>
      </c>
      <c r="FL1" s="13" t="s">
        <v>294</v>
      </c>
      <c r="FM1" s="13" t="s">
        <v>295</v>
      </c>
      <c r="FN1" s="13" t="s">
        <v>296</v>
      </c>
      <c r="FO1" s="13" t="s">
        <v>214</v>
      </c>
      <c r="FP1" s="13" t="s">
        <v>131</v>
      </c>
      <c r="FQ1" s="13" t="s">
        <v>133</v>
      </c>
      <c r="FR1" s="13" t="s">
        <v>135</v>
      </c>
      <c r="FS1" s="13" t="s">
        <v>215</v>
      </c>
      <c r="FT1" s="13" t="s">
        <v>139</v>
      </c>
      <c r="FU1" s="13" t="s">
        <v>216</v>
      </c>
      <c r="FV1" s="13" t="s">
        <v>142</v>
      </c>
      <c r="FW1" s="13" t="s">
        <v>143</v>
      </c>
      <c r="FX1" s="13" t="s">
        <v>144</v>
      </c>
      <c r="FY1" s="13" t="s">
        <v>217</v>
      </c>
      <c r="FZ1" s="13" t="s">
        <v>146</v>
      </c>
      <c r="GA1" s="13" t="s">
        <v>218</v>
      </c>
      <c r="GB1" s="13" t="s">
        <v>148</v>
      </c>
      <c r="GC1" s="13" t="s">
        <v>149</v>
      </c>
      <c r="GD1" s="13" t="s">
        <v>150</v>
      </c>
      <c r="GE1" s="13" t="s">
        <v>219</v>
      </c>
      <c r="GF1" s="13" t="s">
        <v>152</v>
      </c>
      <c r="GG1" s="13" t="s">
        <v>153</v>
      </c>
      <c r="GH1" s="13" t="s">
        <v>155</v>
      </c>
      <c r="GI1" s="13" t="s">
        <v>157</v>
      </c>
      <c r="GJ1" s="13" t="s">
        <v>159</v>
      </c>
      <c r="GK1" s="13" t="s">
        <v>161</v>
      </c>
      <c r="GL1" s="13" t="s">
        <v>163</v>
      </c>
      <c r="GM1" s="13" t="s">
        <v>165</v>
      </c>
      <c r="GN1" s="13" t="s">
        <v>167</v>
      </c>
      <c r="GO1" s="13" t="s">
        <v>169</v>
      </c>
      <c r="GP1" s="13" t="s">
        <v>171</v>
      </c>
      <c r="GQ1" s="13" t="s">
        <v>221</v>
      </c>
      <c r="GR1" s="13" t="s">
        <v>174</v>
      </c>
      <c r="GS1" s="13" t="s">
        <v>175</v>
      </c>
      <c r="GT1" s="13" t="s">
        <v>176</v>
      </c>
      <c r="GU1" s="13" t="s">
        <v>177</v>
      </c>
      <c r="GV1" s="13" t="s">
        <v>179</v>
      </c>
      <c r="GW1" s="13" t="s">
        <v>180</v>
      </c>
      <c r="GX1" s="13" t="s">
        <v>182</v>
      </c>
      <c r="GY1" s="13" t="s">
        <v>184</v>
      </c>
      <c r="GZ1" s="13" t="s">
        <v>185</v>
      </c>
      <c r="HA1" s="13" t="s">
        <v>186</v>
      </c>
      <c r="HB1" s="13" t="s">
        <v>187</v>
      </c>
    </row>
    <row r="2" spans="1:210" x14ac:dyDescent="0.25">
      <c r="C2" s="8"/>
      <c r="D2" s="8"/>
      <c r="AG2" s="11"/>
      <c r="AH2" s="11"/>
      <c r="AI2" s="11"/>
      <c r="AJ2" s="11"/>
      <c r="AK2" s="11"/>
      <c r="AL2" s="11"/>
      <c r="AM2" s="11"/>
      <c r="AN2" s="11"/>
      <c r="AO2" s="11"/>
      <c r="AP2" s="11"/>
      <c r="AQ2" s="11"/>
      <c r="BG2" s="11"/>
      <c r="BH2" s="11"/>
      <c r="BI2" s="11"/>
      <c r="BJ2" s="11"/>
      <c r="BZ2" s="11"/>
      <c r="CA2" s="11"/>
      <c r="CB2" s="11"/>
      <c r="CC2" s="11"/>
      <c r="CL2" s="11"/>
      <c r="CM2" s="11"/>
      <c r="CN2" s="11"/>
      <c r="CO2" s="11"/>
      <c r="CP2" s="11"/>
      <c r="CQ2" s="11"/>
      <c r="CR2" s="11"/>
      <c r="CS2" s="11"/>
      <c r="CT2" s="11"/>
      <c r="CU2" s="11"/>
      <c r="CV2" s="11"/>
      <c r="DL2" s="11"/>
      <c r="DM2" s="11"/>
      <c r="DN2" s="11"/>
      <c r="DO2" s="11"/>
      <c r="EE2" s="11"/>
      <c r="EF2" s="11"/>
      <c r="EG2" s="11"/>
      <c r="EI2" s="8"/>
      <c r="EK2" s="8"/>
      <c r="EP2" s="8"/>
      <c r="FR2" s="8"/>
      <c r="FS2" s="8"/>
      <c r="FT2" s="8"/>
      <c r="FW2" s="8"/>
      <c r="FX2" s="8"/>
      <c r="GD2" s="8"/>
      <c r="GK2" s="8"/>
      <c r="GL2" s="8"/>
      <c r="GO2" s="8"/>
      <c r="GP2" s="8"/>
      <c r="GS2" s="8"/>
      <c r="GT2" s="8"/>
      <c r="GW2" s="8"/>
      <c r="GX2" s="8"/>
      <c r="HA2" s="8"/>
      <c r="HB2" s="8"/>
    </row>
  </sheetData>
  <printOptions horizontalCentered="1"/>
  <pageMargins left="0.2" right="0.2" top="0.75" bottom="0.75" header="0.3" footer="0.3"/>
  <pageSetup scale="80" orientation="landscape" r:id="rId1"/>
  <headerFooter>
    <oddHeader>&amp;R&amp;"Times New Roman,Regular"&amp;10Attachment 25 - Practitioner Profile Template</oddHeader>
    <oddFooter>&amp;L&amp;10By submitting this spreadsheet, I acknowledge that the IPA is still required to provide a copy of Contracts (1st and signature page) any addendums, W-9, Admitter agreements and CME's (as applicable)</oddFooter>
  </headerFooter>
  <legacyDrawing r:id="rId2"/>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GF2"/>
  <sheetViews>
    <sheetView workbookViewId="0">
      <selection activeCell="A2" sqref="A2"/>
    </sheetView>
  </sheetViews>
  <sheetFormatPr defaultRowHeight="15" x14ac:dyDescent="0.25"/>
  <cols>
    <col min="1" max="1" width="34.28515625" style="7" customWidth="1"/>
    <col min="2" max="2" width="9.5703125" style="7" bestFit="1" customWidth="1"/>
    <col min="3" max="4" width="10.7109375" style="7" bestFit="1" customWidth="1"/>
    <col min="5" max="5" width="10.5703125" style="7" bestFit="1" customWidth="1"/>
    <col min="6" max="7" width="18.28515625" style="7" customWidth="1"/>
    <col min="8" max="8" width="4.5703125" style="7" bestFit="1" customWidth="1"/>
    <col min="9" max="10" width="9.140625" style="7"/>
    <col min="11" max="11" width="11" style="7" bestFit="1" customWidth="1"/>
    <col min="12" max="12" width="11.42578125" style="9" bestFit="1" customWidth="1"/>
    <col min="13" max="13" width="8.7109375" style="10" bestFit="1" customWidth="1"/>
    <col min="14" max="14" width="8.140625" style="7" bestFit="1" customWidth="1"/>
    <col min="15" max="15" width="12.5703125" style="7" customWidth="1"/>
    <col min="16" max="18" width="12.7109375" style="7" customWidth="1"/>
    <col min="19" max="20" width="26.5703125" style="7" customWidth="1"/>
    <col min="21" max="21" width="22.85546875" style="7" bestFit="1" customWidth="1"/>
    <col min="22" max="24" width="26.5703125" style="7" customWidth="1"/>
    <col min="25" max="25" width="38.42578125" style="7" customWidth="1"/>
    <col min="26" max="26" width="16.140625" style="7" customWidth="1"/>
    <col min="27" max="28" width="9" style="7" bestFit="1" customWidth="1"/>
    <col min="29" max="30" width="13.7109375" style="7" customWidth="1"/>
    <col min="31" max="31" width="10.7109375" style="7" customWidth="1"/>
    <col min="32" max="32" width="34" style="7" customWidth="1"/>
    <col min="33" max="34" width="10.5703125" style="7" customWidth="1"/>
    <col min="35" max="35" width="12.140625" style="7" customWidth="1"/>
    <col min="36" max="43" width="10.5703125" style="7" customWidth="1"/>
    <col min="44" max="44" width="40.42578125" style="7" customWidth="1"/>
    <col min="45" max="45" width="15.42578125" style="7" customWidth="1"/>
    <col min="46" max="47" width="11.7109375" style="7" bestFit="1" customWidth="1"/>
    <col min="48" max="49" width="13.7109375" style="7" customWidth="1"/>
    <col min="50" max="50" width="12.28515625" style="7" customWidth="1"/>
    <col min="51" max="51" width="39" style="7" customWidth="1"/>
    <col min="52" max="53" width="11.85546875" style="7" customWidth="1"/>
    <col min="54" max="54" width="12.85546875" style="7" customWidth="1"/>
    <col min="55" max="58" width="11.85546875" style="7" customWidth="1"/>
    <col min="59" max="62" width="10.5703125" style="7" customWidth="1"/>
    <col min="63" max="63" width="39.140625" style="7" customWidth="1"/>
    <col min="64" max="64" width="12.7109375" style="7" customWidth="1"/>
    <col min="65" max="65" width="9.140625" style="7" bestFit="1" customWidth="1"/>
    <col min="66" max="66" width="11.85546875" style="7" customWidth="1"/>
    <col min="67" max="68" width="13.7109375" style="7" customWidth="1"/>
    <col min="69" max="69" width="10.7109375" style="7" customWidth="1"/>
    <col min="70" max="70" width="33.7109375" style="7" customWidth="1"/>
    <col min="71" max="72" width="11.85546875" style="7" customWidth="1"/>
    <col min="73" max="73" width="13" style="7" customWidth="1"/>
    <col min="74" max="77" width="11.85546875" style="7" customWidth="1"/>
    <col min="78" max="81" width="10.5703125" style="7" customWidth="1"/>
    <col min="82" max="82" width="38.42578125" style="7" customWidth="1"/>
    <col min="83" max="83" width="16.140625" style="7" customWidth="1"/>
    <col min="84" max="85" width="9" style="7" bestFit="1" customWidth="1"/>
    <col min="86" max="87" width="13.7109375" style="7" customWidth="1"/>
    <col min="88" max="88" width="10.7109375" style="7" customWidth="1"/>
    <col min="89" max="89" width="34" style="7" customWidth="1"/>
    <col min="90" max="91" width="10.5703125" style="7" customWidth="1"/>
    <col min="92" max="92" width="12.140625" style="7" customWidth="1"/>
    <col min="93" max="100" width="10.5703125" style="7" customWidth="1"/>
    <col min="101" max="101" width="40.42578125" style="7" customWidth="1"/>
    <col min="102" max="102" width="15.42578125" style="7" customWidth="1"/>
    <col min="103" max="104" width="11.7109375" style="7" bestFit="1" customWidth="1"/>
    <col min="105" max="106" width="13.7109375" style="7" customWidth="1"/>
    <col min="107" max="107" width="12.28515625" style="7" customWidth="1"/>
    <col min="108" max="108" width="39" style="7" customWidth="1"/>
    <col min="109" max="110" width="11.85546875" style="7" customWidth="1"/>
    <col min="111" max="111" width="12.85546875" style="7" customWidth="1"/>
    <col min="112" max="115" width="11.85546875" style="7" customWidth="1"/>
    <col min="116" max="119" width="10.5703125" style="7" customWidth="1"/>
    <col min="120" max="120" width="39.140625" style="7" customWidth="1"/>
    <col min="121" max="121" width="12.7109375" style="7" customWidth="1"/>
    <col min="122" max="122" width="9.140625" style="7" bestFit="1" customWidth="1"/>
    <col min="123" max="123" width="11.85546875" style="7" customWidth="1"/>
    <col min="124" max="125" width="13.7109375" style="7" customWidth="1"/>
    <col min="126" max="126" width="10.7109375" style="7" customWidth="1"/>
    <col min="127" max="127" width="33.7109375" style="7" customWidth="1"/>
    <col min="128" max="129" width="11.85546875" style="7" customWidth="1"/>
    <col min="130" max="130" width="13" style="7" customWidth="1"/>
    <col min="131" max="134" width="11.85546875" style="7" customWidth="1"/>
    <col min="135" max="137" width="10.5703125" style="7" customWidth="1"/>
    <col min="138" max="141" width="13.140625" style="7" customWidth="1"/>
    <col min="142" max="142" width="33.140625" style="7" customWidth="1"/>
    <col min="143" max="146" width="13.140625" style="7" customWidth="1"/>
    <col min="147" max="147" width="40.7109375" style="7" customWidth="1"/>
    <col min="148" max="148" width="14" style="7" customWidth="1"/>
    <col min="149" max="149" width="20.28515625" style="7" customWidth="1"/>
    <col min="150" max="150" width="14.42578125" style="7" customWidth="1"/>
    <col min="151" max="151" width="40.7109375" style="7" customWidth="1"/>
    <col min="152" max="154" width="14.140625" style="7" customWidth="1"/>
    <col min="155" max="155" width="40.7109375" style="7" customWidth="1"/>
    <col min="156" max="156" width="14.140625" style="7" customWidth="1"/>
    <col min="157" max="157" width="10.140625" style="7" bestFit="1" customWidth="1"/>
    <col min="158" max="158" width="12.42578125" style="7" customWidth="1"/>
    <col min="159" max="159" width="40.7109375" style="7" customWidth="1"/>
    <col min="160" max="160" width="14" style="7" customWidth="1"/>
    <col min="161" max="161" width="20.28515625" style="7" customWidth="1"/>
    <col min="162" max="162" width="14.42578125" style="7" customWidth="1"/>
    <col min="163" max="163" width="40.7109375" style="7" customWidth="1"/>
    <col min="164" max="166" width="14.140625" style="7" customWidth="1"/>
    <col min="167" max="167" width="40.7109375" style="7" customWidth="1"/>
    <col min="168" max="168" width="14.140625" style="7" customWidth="1"/>
    <col min="169" max="169" width="10.140625" style="7" bestFit="1" customWidth="1"/>
    <col min="170" max="170" width="12.42578125" style="7" customWidth="1"/>
    <col min="171" max="171" width="45.42578125" style="7" customWidth="1"/>
    <col min="172" max="172" width="9" style="7" bestFit="1" customWidth="1"/>
    <col min="173" max="173" width="9.140625" style="7"/>
    <col min="174" max="176" width="10.7109375" style="7" bestFit="1" customWidth="1"/>
    <col min="177" max="177" width="8.7109375" style="7" bestFit="1" customWidth="1"/>
    <col min="178" max="178" width="9" style="7" bestFit="1" customWidth="1"/>
    <col min="179" max="180" width="10.7109375" style="7" bestFit="1" customWidth="1"/>
    <col min="181" max="181" width="8.85546875" style="7" bestFit="1" customWidth="1"/>
    <col min="182" max="182" width="9" style="7" bestFit="1" customWidth="1"/>
    <col min="183" max="183" width="8.7109375" style="7" bestFit="1" customWidth="1"/>
    <col min="184" max="184" width="9" style="7" bestFit="1" customWidth="1"/>
    <col min="185" max="185" width="9.140625" style="7"/>
    <col min="186" max="186" width="10.7109375" style="7" bestFit="1" customWidth="1"/>
    <col min="187" max="187" width="8.85546875" style="7" bestFit="1" customWidth="1"/>
    <col min="188" max="188" width="9" style="7" bestFit="1" customWidth="1"/>
    <col min="189" max="16384" width="9.140625" style="7"/>
  </cols>
  <sheetData>
    <row r="1" spans="1:188" s="6" customFormat="1" ht="90" x14ac:dyDescent="0.25">
      <c r="A1" s="12" t="s">
        <v>317</v>
      </c>
      <c r="B1" s="13" t="s">
        <v>3</v>
      </c>
      <c r="C1" s="13" t="s">
        <v>5</v>
      </c>
      <c r="D1" s="13" t="s">
        <v>7</v>
      </c>
      <c r="E1" s="13" t="s">
        <v>9</v>
      </c>
      <c r="F1" s="13" t="s">
        <v>11</v>
      </c>
      <c r="G1" s="13" t="s">
        <v>13</v>
      </c>
      <c r="H1" s="13" t="s">
        <v>15</v>
      </c>
      <c r="I1" s="13" t="s">
        <v>17</v>
      </c>
      <c r="J1" s="13" t="s">
        <v>19</v>
      </c>
      <c r="K1" s="13" t="s">
        <v>21</v>
      </c>
      <c r="L1" s="14" t="s">
        <v>23</v>
      </c>
      <c r="M1" s="15" t="s">
        <v>24</v>
      </c>
      <c r="N1" s="13" t="s">
        <v>26</v>
      </c>
      <c r="O1" s="13" t="s">
        <v>28</v>
      </c>
      <c r="P1" s="13" t="s">
        <v>188</v>
      </c>
      <c r="Q1" s="13" t="s">
        <v>189</v>
      </c>
      <c r="R1" s="13" t="s">
        <v>190</v>
      </c>
      <c r="S1" s="13" t="s">
        <v>34</v>
      </c>
      <c r="T1" s="13" t="s">
        <v>36</v>
      </c>
      <c r="U1" s="13" t="s">
        <v>38</v>
      </c>
      <c r="V1" s="13" t="s">
        <v>40</v>
      </c>
      <c r="W1" s="13" t="s">
        <v>43</v>
      </c>
      <c r="X1" s="13" t="s">
        <v>311</v>
      </c>
      <c r="Y1" s="13" t="s">
        <v>191</v>
      </c>
      <c r="Z1" s="13" t="s">
        <v>47</v>
      </c>
      <c r="AA1" s="13" t="s">
        <v>48</v>
      </c>
      <c r="AB1" s="13" t="s">
        <v>49</v>
      </c>
      <c r="AC1" s="13" t="s">
        <v>50</v>
      </c>
      <c r="AD1" s="13" t="s">
        <v>51</v>
      </c>
      <c r="AE1" s="13" t="s">
        <v>192</v>
      </c>
      <c r="AF1" s="13" t="s">
        <v>193</v>
      </c>
      <c r="AG1" s="13" t="s">
        <v>56</v>
      </c>
      <c r="AH1" s="13" t="s">
        <v>194</v>
      </c>
      <c r="AI1" s="13" t="s">
        <v>59</v>
      </c>
      <c r="AJ1" s="13" t="s">
        <v>60</v>
      </c>
      <c r="AK1" s="13" t="s">
        <v>61</v>
      </c>
      <c r="AL1" s="13" t="s">
        <v>62</v>
      </c>
      <c r="AM1" s="13" t="s">
        <v>63</v>
      </c>
      <c r="AN1" s="13" t="s">
        <v>222</v>
      </c>
      <c r="AO1" s="13" t="s">
        <v>223</v>
      </c>
      <c r="AP1" s="13" t="s">
        <v>224</v>
      </c>
      <c r="AQ1" s="13" t="s">
        <v>312</v>
      </c>
      <c r="AR1" s="13" t="s">
        <v>64</v>
      </c>
      <c r="AS1" s="13" t="s">
        <v>66</v>
      </c>
      <c r="AT1" s="13" t="s">
        <v>67</v>
      </c>
      <c r="AU1" s="13" t="s">
        <v>68</v>
      </c>
      <c r="AV1" s="13" t="s">
        <v>69</v>
      </c>
      <c r="AW1" s="13" t="s">
        <v>70</v>
      </c>
      <c r="AX1" s="13" t="s">
        <v>195</v>
      </c>
      <c r="AY1" s="13" t="s">
        <v>72</v>
      </c>
      <c r="AZ1" s="13" t="s">
        <v>73</v>
      </c>
      <c r="BA1" s="13" t="s">
        <v>196</v>
      </c>
      <c r="BB1" s="13" t="s">
        <v>76</v>
      </c>
      <c r="BC1" s="13" t="s">
        <v>77</v>
      </c>
      <c r="BD1" s="13" t="s">
        <v>78</v>
      </c>
      <c r="BE1" s="13" t="s">
        <v>79</v>
      </c>
      <c r="BF1" s="13" t="s">
        <v>80</v>
      </c>
      <c r="BG1" s="13" t="s">
        <v>225</v>
      </c>
      <c r="BH1" s="13" t="s">
        <v>226</v>
      </c>
      <c r="BI1" s="13" t="s">
        <v>227</v>
      </c>
      <c r="BJ1" s="13" t="s">
        <v>313</v>
      </c>
      <c r="BK1" s="13" t="s">
        <v>81</v>
      </c>
      <c r="BL1" s="13" t="s">
        <v>83</v>
      </c>
      <c r="BM1" s="13" t="s">
        <v>84</v>
      </c>
      <c r="BN1" s="13" t="s">
        <v>85</v>
      </c>
      <c r="BO1" s="13" t="s">
        <v>86</v>
      </c>
      <c r="BP1" s="13" t="s">
        <v>87</v>
      </c>
      <c r="BQ1" s="13" t="s">
        <v>197</v>
      </c>
      <c r="BR1" s="13" t="s">
        <v>89</v>
      </c>
      <c r="BS1" s="13" t="s">
        <v>90</v>
      </c>
      <c r="BT1" s="13" t="s">
        <v>198</v>
      </c>
      <c r="BU1" s="13" t="s">
        <v>93</v>
      </c>
      <c r="BV1" s="13" t="s">
        <v>94</v>
      </c>
      <c r="BW1" s="13" t="s">
        <v>95</v>
      </c>
      <c r="BX1" s="13" t="s">
        <v>96</v>
      </c>
      <c r="BY1" s="13" t="s">
        <v>97</v>
      </c>
      <c r="BZ1" s="13" t="s">
        <v>228</v>
      </c>
      <c r="CA1" s="13" t="s">
        <v>229</v>
      </c>
      <c r="CB1" s="13" t="s">
        <v>230</v>
      </c>
      <c r="CC1" s="13" t="s">
        <v>314</v>
      </c>
      <c r="CD1" s="13" t="s">
        <v>231</v>
      </c>
      <c r="CE1" s="13" t="s">
        <v>232</v>
      </c>
      <c r="CF1" s="13" t="s">
        <v>233</v>
      </c>
      <c r="CG1" s="13" t="s">
        <v>234</v>
      </c>
      <c r="CH1" s="13" t="s">
        <v>235</v>
      </c>
      <c r="CI1" s="13" t="s">
        <v>236</v>
      </c>
      <c r="CJ1" s="13" t="s">
        <v>237</v>
      </c>
      <c r="CK1" s="13" t="s">
        <v>238</v>
      </c>
      <c r="CL1" s="13" t="s">
        <v>239</v>
      </c>
      <c r="CM1" s="13" t="s">
        <v>240</v>
      </c>
      <c r="CN1" s="13" t="s">
        <v>241</v>
      </c>
      <c r="CO1" s="13" t="s">
        <v>242</v>
      </c>
      <c r="CP1" s="13" t="s">
        <v>243</v>
      </c>
      <c r="CQ1" s="13" t="s">
        <v>244</v>
      </c>
      <c r="CR1" s="13" t="s">
        <v>245</v>
      </c>
      <c r="CS1" s="13" t="s">
        <v>246</v>
      </c>
      <c r="CT1" s="13" t="s">
        <v>247</v>
      </c>
      <c r="CU1" s="13" t="s">
        <v>248</v>
      </c>
      <c r="CV1" s="13" t="s">
        <v>315</v>
      </c>
      <c r="CW1" s="13" t="s">
        <v>249</v>
      </c>
      <c r="CX1" s="13" t="s">
        <v>250</v>
      </c>
      <c r="CY1" s="13" t="s">
        <v>251</v>
      </c>
      <c r="CZ1" s="13" t="s">
        <v>252</v>
      </c>
      <c r="DA1" s="13" t="s">
        <v>253</v>
      </c>
      <c r="DB1" s="13" t="s">
        <v>254</v>
      </c>
      <c r="DC1" s="13" t="s">
        <v>255</v>
      </c>
      <c r="DD1" s="13" t="s">
        <v>256</v>
      </c>
      <c r="DE1" s="13" t="s">
        <v>257</v>
      </c>
      <c r="DF1" s="13" t="s">
        <v>258</v>
      </c>
      <c r="DG1" s="13" t="s">
        <v>259</v>
      </c>
      <c r="DH1" s="13" t="s">
        <v>260</v>
      </c>
      <c r="DI1" s="13" t="s">
        <v>261</v>
      </c>
      <c r="DJ1" s="13" t="s">
        <v>262</v>
      </c>
      <c r="DK1" s="13" t="s">
        <v>263</v>
      </c>
      <c r="DL1" s="13" t="s">
        <v>264</v>
      </c>
      <c r="DM1" s="13" t="s">
        <v>265</v>
      </c>
      <c r="DN1" s="13" t="s">
        <v>266</v>
      </c>
      <c r="DO1" s="13" t="s">
        <v>316</v>
      </c>
      <c r="DP1" s="13" t="s">
        <v>267</v>
      </c>
      <c r="DQ1" s="13" t="s">
        <v>268</v>
      </c>
      <c r="DR1" s="13" t="s">
        <v>269</v>
      </c>
      <c r="DS1" s="13" t="s">
        <v>270</v>
      </c>
      <c r="DT1" s="13" t="s">
        <v>271</v>
      </c>
      <c r="DU1" s="13" t="s">
        <v>272</v>
      </c>
      <c r="DV1" s="13" t="s">
        <v>273</v>
      </c>
      <c r="DW1" s="13" t="s">
        <v>274</v>
      </c>
      <c r="DX1" s="13" t="s">
        <v>275</v>
      </c>
      <c r="DY1" s="13" t="s">
        <v>276</v>
      </c>
      <c r="DZ1" s="13" t="s">
        <v>277</v>
      </c>
      <c r="EA1" s="13" t="s">
        <v>278</v>
      </c>
      <c r="EB1" s="13" t="s">
        <v>279</v>
      </c>
      <c r="EC1" s="13" t="s">
        <v>280</v>
      </c>
      <c r="ED1" s="13" t="s">
        <v>281</v>
      </c>
      <c r="EE1" s="13" t="s">
        <v>282</v>
      </c>
      <c r="EF1" s="13" t="s">
        <v>283</v>
      </c>
      <c r="EG1" s="13" t="s">
        <v>284</v>
      </c>
      <c r="EH1" s="13" t="s">
        <v>220</v>
      </c>
      <c r="EI1" s="13" t="s">
        <v>100</v>
      </c>
      <c r="EJ1" s="13" t="s">
        <v>199</v>
      </c>
      <c r="EK1" s="13" t="s">
        <v>104</v>
      </c>
      <c r="EL1" s="13" t="s">
        <v>200</v>
      </c>
      <c r="EM1" s="13" t="s">
        <v>201</v>
      </c>
      <c r="EN1" s="13" t="s">
        <v>202</v>
      </c>
      <c r="EO1" s="13" t="s">
        <v>203</v>
      </c>
      <c r="EP1" s="13" t="s">
        <v>204</v>
      </c>
      <c r="EQ1" s="13" t="s">
        <v>205</v>
      </c>
      <c r="ER1" s="13" t="s">
        <v>206</v>
      </c>
      <c r="ES1" s="13" t="s">
        <v>207</v>
      </c>
      <c r="ET1" s="13" t="s">
        <v>119</v>
      </c>
      <c r="EU1" s="13" t="s">
        <v>208</v>
      </c>
      <c r="EV1" s="13" t="s">
        <v>209</v>
      </c>
      <c r="EW1" s="13" t="s">
        <v>210</v>
      </c>
      <c r="EX1" s="13" t="s">
        <v>124</v>
      </c>
      <c r="EY1" s="13" t="s">
        <v>211</v>
      </c>
      <c r="EZ1" s="13" t="s">
        <v>212</v>
      </c>
      <c r="FA1" s="13" t="s">
        <v>213</v>
      </c>
      <c r="FB1" s="13" t="s">
        <v>128</v>
      </c>
      <c r="FC1" s="13" t="s">
        <v>285</v>
      </c>
      <c r="FD1" s="13" t="s">
        <v>286</v>
      </c>
      <c r="FE1" s="13" t="s">
        <v>287</v>
      </c>
      <c r="FF1" s="13" t="s">
        <v>288</v>
      </c>
      <c r="FG1" s="13" t="s">
        <v>289</v>
      </c>
      <c r="FH1" s="13" t="s">
        <v>290</v>
      </c>
      <c r="FI1" s="13" t="s">
        <v>291</v>
      </c>
      <c r="FJ1" s="13" t="s">
        <v>292</v>
      </c>
      <c r="FK1" s="13" t="s">
        <v>293</v>
      </c>
      <c r="FL1" s="13" t="s">
        <v>294</v>
      </c>
      <c r="FM1" s="13" t="s">
        <v>295</v>
      </c>
      <c r="FN1" s="13" t="s">
        <v>296</v>
      </c>
      <c r="FO1" s="13" t="s">
        <v>214</v>
      </c>
      <c r="FP1" s="13" t="s">
        <v>131</v>
      </c>
      <c r="FQ1" s="13" t="s">
        <v>133</v>
      </c>
      <c r="FR1" s="13" t="s">
        <v>135</v>
      </c>
      <c r="FS1" s="13" t="s">
        <v>215</v>
      </c>
      <c r="FT1" s="13" t="s">
        <v>139</v>
      </c>
      <c r="FU1" s="13" t="s">
        <v>216</v>
      </c>
      <c r="FV1" s="13" t="s">
        <v>142</v>
      </c>
      <c r="FW1" s="13" t="s">
        <v>143</v>
      </c>
      <c r="FX1" s="13" t="s">
        <v>144</v>
      </c>
      <c r="FY1" s="13" t="s">
        <v>217</v>
      </c>
      <c r="FZ1" s="13" t="s">
        <v>146</v>
      </c>
      <c r="GA1" s="13" t="s">
        <v>218</v>
      </c>
      <c r="GB1" s="13" t="s">
        <v>148</v>
      </c>
      <c r="GC1" s="13" t="s">
        <v>149</v>
      </c>
      <c r="GD1" s="13" t="s">
        <v>150</v>
      </c>
      <c r="GE1" s="13" t="s">
        <v>219</v>
      </c>
      <c r="GF1" s="13" t="s">
        <v>152</v>
      </c>
    </row>
    <row r="2" spans="1:188" x14ac:dyDescent="0.25">
      <c r="C2" s="8"/>
      <c r="D2" s="8"/>
      <c r="AG2" s="11"/>
      <c r="AH2" s="11"/>
      <c r="AI2" s="11"/>
      <c r="AJ2" s="11"/>
      <c r="AK2" s="11"/>
      <c r="AL2" s="11"/>
      <c r="AM2" s="11"/>
      <c r="AN2" s="11"/>
      <c r="AO2" s="11"/>
      <c r="AP2" s="11"/>
      <c r="AQ2" s="11"/>
      <c r="BG2" s="11"/>
      <c r="BH2" s="11"/>
      <c r="BI2" s="11"/>
      <c r="BJ2" s="11"/>
      <c r="BZ2" s="11"/>
      <c r="CA2" s="11"/>
      <c r="CB2" s="11"/>
      <c r="CC2" s="11"/>
      <c r="CL2" s="11"/>
      <c r="CM2" s="11"/>
      <c r="CN2" s="11"/>
      <c r="CO2" s="11"/>
      <c r="CP2" s="11"/>
      <c r="CQ2" s="11"/>
      <c r="CR2" s="11"/>
      <c r="CS2" s="11"/>
      <c r="CT2" s="11"/>
      <c r="CU2" s="11"/>
      <c r="CV2" s="11"/>
      <c r="DL2" s="11"/>
      <c r="DM2" s="11"/>
      <c r="DN2" s="11"/>
      <c r="DO2" s="11"/>
      <c r="EE2" s="11"/>
      <c r="EF2" s="11"/>
      <c r="EG2" s="11"/>
      <c r="EI2" s="8"/>
      <c r="EK2" s="8"/>
      <c r="EP2" s="8"/>
      <c r="FR2" s="8"/>
      <c r="FS2" s="8"/>
      <c r="FT2" s="8"/>
      <c r="FW2" s="8"/>
      <c r="FX2" s="8"/>
      <c r="GD2" s="8"/>
    </row>
  </sheetData>
  <pageMargins left="0.7" right="0.7" top="0.75" bottom="0.75" header="0.3" footer="0.3"/>
  <pageSetup orientation="portrait" r:id="rId1"/>
  <headerFooter>
    <oddFooter>&amp;L&amp;10By submitting this spreadsheet, I acknowledge that the IPA is still required to provide a copy of Contracts (1st and signature page) any addendums, W-9, Admitter agreements and CME's (as applicable)</oddFooter>
  </headerFooter>
  <legacy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C181"/>
  <sheetViews>
    <sheetView workbookViewId="0">
      <pane xSplit="1" ySplit="1" topLeftCell="B2" activePane="bottomRight" state="frozen"/>
      <selection pane="topRight" activeCell="B1" sqref="B1"/>
      <selection pane="bottomLeft" activeCell="A2" sqref="A2"/>
      <selection pane="bottomRight" activeCell="B13" sqref="B13"/>
    </sheetView>
  </sheetViews>
  <sheetFormatPr defaultRowHeight="15" x14ac:dyDescent="0.25"/>
  <cols>
    <col min="1" max="1" width="48.5703125" style="3" bestFit="1" customWidth="1"/>
    <col min="2" max="2" width="74" style="3" customWidth="1"/>
    <col min="3" max="3" width="31.85546875" style="4" bestFit="1" customWidth="1"/>
    <col min="4" max="16384" width="9.140625" style="3"/>
  </cols>
  <sheetData>
    <row r="1" spans="1:3" ht="30" x14ac:dyDescent="0.25">
      <c r="A1" s="1" t="s">
        <v>0</v>
      </c>
      <c r="B1" s="1" t="s">
        <v>1</v>
      </c>
      <c r="C1" s="2" t="s">
        <v>2</v>
      </c>
    </row>
    <row r="2" spans="1:3" x14ac:dyDescent="0.25">
      <c r="A2" s="3" t="s">
        <v>317</v>
      </c>
      <c r="B2" t="s">
        <v>318</v>
      </c>
    </row>
    <row r="3" spans="1:3" x14ac:dyDescent="0.25">
      <c r="A3" s="3" t="s">
        <v>3</v>
      </c>
      <c r="B3" t="s">
        <v>4</v>
      </c>
    </row>
    <row r="4" spans="1:3" x14ac:dyDescent="0.25">
      <c r="A4" t="s">
        <v>5</v>
      </c>
      <c r="B4" t="s">
        <v>6</v>
      </c>
    </row>
    <row r="5" spans="1:3" x14ac:dyDescent="0.25">
      <c r="A5" t="s">
        <v>7</v>
      </c>
      <c r="B5" t="s">
        <v>8</v>
      </c>
    </row>
    <row r="6" spans="1:3" x14ac:dyDescent="0.25">
      <c r="A6" s="3" t="s">
        <v>9</v>
      </c>
      <c r="B6" t="s">
        <v>10</v>
      </c>
    </row>
    <row r="7" spans="1:3" x14ac:dyDescent="0.25">
      <c r="A7" s="3" t="s">
        <v>11</v>
      </c>
      <c r="B7" t="s">
        <v>12</v>
      </c>
    </row>
    <row r="8" spans="1:3" x14ac:dyDescent="0.25">
      <c r="A8" s="3" t="s">
        <v>13</v>
      </c>
      <c r="B8" t="s">
        <v>14</v>
      </c>
    </row>
    <row r="9" spans="1:3" x14ac:dyDescent="0.25">
      <c r="A9" s="3" t="s">
        <v>15</v>
      </c>
      <c r="B9" t="s">
        <v>16</v>
      </c>
    </row>
    <row r="10" spans="1:3" x14ac:dyDescent="0.25">
      <c r="A10" s="3" t="s">
        <v>17</v>
      </c>
      <c r="B10" t="s">
        <v>18</v>
      </c>
    </row>
    <row r="11" spans="1:3" ht="300" x14ac:dyDescent="0.25">
      <c r="A11" s="3" t="s">
        <v>19</v>
      </c>
      <c r="B11" s="5" t="s">
        <v>20</v>
      </c>
    </row>
    <row r="12" spans="1:3" x14ac:dyDescent="0.25">
      <c r="A12" s="3" t="s">
        <v>21</v>
      </c>
      <c r="B12" s="5" t="s">
        <v>22</v>
      </c>
    </row>
    <row r="13" spans="1:3" x14ac:dyDescent="0.25">
      <c r="A13" s="3" t="s">
        <v>23</v>
      </c>
      <c r="B13" s="5" t="s">
        <v>319</v>
      </c>
    </row>
    <row r="14" spans="1:3" x14ac:dyDescent="0.25">
      <c r="A14" s="3" t="s">
        <v>24</v>
      </c>
      <c r="B14" s="5" t="s">
        <v>25</v>
      </c>
    </row>
    <row r="15" spans="1:3" x14ac:dyDescent="0.25">
      <c r="A15" s="3" t="s">
        <v>26</v>
      </c>
      <c r="B15" s="5" t="s">
        <v>27</v>
      </c>
    </row>
    <row r="16" spans="1:3" x14ac:dyDescent="0.25">
      <c r="A16" s="3" t="s">
        <v>28</v>
      </c>
      <c r="B16" s="5" t="s">
        <v>29</v>
      </c>
    </row>
    <row r="17" spans="1:3" x14ac:dyDescent="0.25">
      <c r="A17" t="s">
        <v>30</v>
      </c>
      <c r="B17" s="5" t="s">
        <v>31</v>
      </c>
    </row>
    <row r="18" spans="1:3" x14ac:dyDescent="0.25">
      <c r="A18" t="s">
        <v>32</v>
      </c>
      <c r="B18" s="5" t="s">
        <v>31</v>
      </c>
    </row>
    <row r="19" spans="1:3" x14ac:dyDescent="0.25">
      <c r="A19" t="s">
        <v>33</v>
      </c>
      <c r="B19" s="5" t="s">
        <v>31</v>
      </c>
    </row>
    <row r="20" spans="1:3" ht="135" x14ac:dyDescent="0.25">
      <c r="A20" s="3" t="s">
        <v>34</v>
      </c>
      <c r="B20" s="5" t="s">
        <v>35</v>
      </c>
      <c r="C20" s="5"/>
    </row>
    <row r="21" spans="1:3" ht="135" x14ac:dyDescent="0.25">
      <c r="A21" s="3" t="s">
        <v>36</v>
      </c>
      <c r="B21" s="5" t="s">
        <v>37</v>
      </c>
      <c r="C21" s="5"/>
    </row>
    <row r="22" spans="1:3" x14ac:dyDescent="0.25">
      <c r="A22" s="3" t="s">
        <v>38</v>
      </c>
      <c r="B22" s="5" t="s">
        <v>39</v>
      </c>
    </row>
    <row r="23" spans="1:3" ht="60" x14ac:dyDescent="0.25">
      <c r="A23" s="3" t="s">
        <v>40</v>
      </c>
      <c r="B23" s="5" t="s">
        <v>41</v>
      </c>
      <c r="C23" s="5" t="s">
        <v>42</v>
      </c>
    </row>
    <row r="24" spans="1:3" ht="30" x14ac:dyDescent="0.25">
      <c r="A24" s="3" t="s">
        <v>43</v>
      </c>
      <c r="B24" s="5" t="s">
        <v>44</v>
      </c>
      <c r="C24" s="5"/>
    </row>
    <row r="25" spans="1:3" x14ac:dyDescent="0.25">
      <c r="A25" s="3" t="s">
        <v>311</v>
      </c>
      <c r="B25" s="5"/>
      <c r="C25" s="5"/>
    </row>
    <row r="26" spans="1:3" x14ac:dyDescent="0.25">
      <c r="A26" t="s">
        <v>45</v>
      </c>
      <c r="B26" s="19" t="s">
        <v>46</v>
      </c>
    </row>
    <row r="27" spans="1:3" x14ac:dyDescent="0.25">
      <c r="A27" t="s">
        <v>47</v>
      </c>
      <c r="B27" s="19"/>
    </row>
    <row r="28" spans="1:3" x14ac:dyDescent="0.25">
      <c r="A28" t="s">
        <v>48</v>
      </c>
      <c r="B28" s="19"/>
    </row>
    <row r="29" spans="1:3" x14ac:dyDescent="0.25">
      <c r="A29" t="s">
        <v>49</v>
      </c>
      <c r="B29" s="19"/>
    </row>
    <row r="30" spans="1:3" x14ac:dyDescent="0.25">
      <c r="A30" t="s">
        <v>50</v>
      </c>
      <c r="B30" s="19"/>
    </row>
    <row r="31" spans="1:3" x14ac:dyDescent="0.25">
      <c r="A31" t="s">
        <v>51</v>
      </c>
      <c r="B31" s="19"/>
    </row>
    <row r="32" spans="1:3" x14ac:dyDescent="0.25">
      <c r="A32" t="s">
        <v>52</v>
      </c>
      <c r="B32" s="19"/>
      <c r="C32" s="5" t="s">
        <v>53</v>
      </c>
    </row>
    <row r="33" spans="1:3" x14ac:dyDescent="0.25">
      <c r="A33" t="s">
        <v>54</v>
      </c>
      <c r="B33" s="19"/>
      <c r="C33" s="5" t="s">
        <v>55</v>
      </c>
    </row>
    <row r="34" spans="1:3" x14ac:dyDescent="0.25">
      <c r="A34" t="s">
        <v>56</v>
      </c>
      <c r="B34" s="19" t="s">
        <v>57</v>
      </c>
    </row>
    <row r="35" spans="1:3" x14ac:dyDescent="0.25">
      <c r="A35" t="s">
        <v>58</v>
      </c>
      <c r="B35" s="20"/>
    </row>
    <row r="36" spans="1:3" x14ac:dyDescent="0.25">
      <c r="A36" t="s">
        <v>59</v>
      </c>
      <c r="B36" s="20"/>
    </row>
    <row r="37" spans="1:3" x14ac:dyDescent="0.25">
      <c r="A37" t="s">
        <v>60</v>
      </c>
      <c r="B37" s="20"/>
    </row>
    <row r="38" spans="1:3" x14ac:dyDescent="0.25">
      <c r="A38" t="s">
        <v>61</v>
      </c>
      <c r="B38" s="20"/>
    </row>
    <row r="39" spans="1:3" x14ac:dyDescent="0.25">
      <c r="A39" t="s">
        <v>62</v>
      </c>
      <c r="B39" s="20"/>
    </row>
    <row r="40" spans="1:3" x14ac:dyDescent="0.25">
      <c r="A40" t="s">
        <v>63</v>
      </c>
      <c r="B40" s="20"/>
    </row>
    <row r="41" spans="1:3" x14ac:dyDescent="0.25">
      <c r="A41" t="s">
        <v>312</v>
      </c>
      <c r="B41" s="5"/>
      <c r="C41" s="5"/>
    </row>
    <row r="42" spans="1:3" x14ac:dyDescent="0.25">
      <c r="A42" t="s">
        <v>64</v>
      </c>
      <c r="B42" s="19" t="s">
        <v>65</v>
      </c>
    </row>
    <row r="43" spans="1:3" x14ac:dyDescent="0.25">
      <c r="A43" t="s">
        <v>66</v>
      </c>
      <c r="B43" s="19"/>
    </row>
    <row r="44" spans="1:3" x14ac:dyDescent="0.25">
      <c r="A44" t="s">
        <v>67</v>
      </c>
      <c r="B44" s="19"/>
    </row>
    <row r="45" spans="1:3" x14ac:dyDescent="0.25">
      <c r="A45" t="s">
        <v>68</v>
      </c>
      <c r="B45" s="19"/>
    </row>
    <row r="46" spans="1:3" x14ac:dyDescent="0.25">
      <c r="A46" t="s">
        <v>69</v>
      </c>
      <c r="B46" s="19"/>
    </row>
    <row r="47" spans="1:3" x14ac:dyDescent="0.25">
      <c r="A47" t="s">
        <v>70</v>
      </c>
      <c r="B47" s="19"/>
    </row>
    <row r="48" spans="1:3" x14ac:dyDescent="0.25">
      <c r="A48" t="s">
        <v>71</v>
      </c>
      <c r="B48" s="19"/>
      <c r="C48" s="5" t="s">
        <v>53</v>
      </c>
    </row>
    <row r="49" spans="1:3" x14ac:dyDescent="0.25">
      <c r="A49" t="s">
        <v>72</v>
      </c>
      <c r="B49" s="19"/>
      <c r="C49" s="5" t="s">
        <v>55</v>
      </c>
    </row>
    <row r="50" spans="1:3" x14ac:dyDescent="0.25">
      <c r="A50" t="s">
        <v>73</v>
      </c>
      <c r="B50" s="19" t="s">
        <v>74</v>
      </c>
    </row>
    <row r="51" spans="1:3" x14ac:dyDescent="0.25">
      <c r="A51" t="s">
        <v>75</v>
      </c>
      <c r="B51" s="20"/>
    </row>
    <row r="52" spans="1:3" x14ac:dyDescent="0.25">
      <c r="A52" t="s">
        <v>76</v>
      </c>
      <c r="B52" s="20"/>
    </row>
    <row r="53" spans="1:3" x14ac:dyDescent="0.25">
      <c r="A53" t="s">
        <v>77</v>
      </c>
      <c r="B53" s="20"/>
    </row>
    <row r="54" spans="1:3" x14ac:dyDescent="0.25">
      <c r="A54" t="s">
        <v>78</v>
      </c>
      <c r="B54" s="20"/>
    </row>
    <row r="55" spans="1:3" x14ac:dyDescent="0.25">
      <c r="A55" t="s">
        <v>79</v>
      </c>
      <c r="B55" s="20"/>
    </row>
    <row r="56" spans="1:3" x14ac:dyDescent="0.25">
      <c r="A56" t="s">
        <v>80</v>
      </c>
      <c r="B56" s="20"/>
    </row>
    <row r="57" spans="1:3" x14ac:dyDescent="0.25">
      <c r="A57" t="s">
        <v>313</v>
      </c>
      <c r="B57" s="5"/>
      <c r="C57" s="5"/>
    </row>
    <row r="58" spans="1:3" x14ac:dyDescent="0.25">
      <c r="A58" t="s">
        <v>81</v>
      </c>
      <c r="B58" s="19" t="s">
        <v>82</v>
      </c>
    </row>
    <row r="59" spans="1:3" x14ac:dyDescent="0.25">
      <c r="A59" t="s">
        <v>83</v>
      </c>
      <c r="B59" s="19"/>
    </row>
    <row r="60" spans="1:3" x14ac:dyDescent="0.25">
      <c r="A60" t="s">
        <v>84</v>
      </c>
      <c r="B60" s="19"/>
    </row>
    <row r="61" spans="1:3" x14ac:dyDescent="0.25">
      <c r="A61" t="s">
        <v>85</v>
      </c>
      <c r="B61" s="19"/>
    </row>
    <row r="62" spans="1:3" x14ac:dyDescent="0.25">
      <c r="A62" t="s">
        <v>86</v>
      </c>
      <c r="B62" s="19"/>
    </row>
    <row r="63" spans="1:3" x14ac:dyDescent="0.25">
      <c r="A63" t="s">
        <v>87</v>
      </c>
      <c r="B63" s="19"/>
    </row>
    <row r="64" spans="1:3" x14ac:dyDescent="0.25">
      <c r="A64" t="s">
        <v>88</v>
      </c>
      <c r="B64" s="19"/>
      <c r="C64" s="5" t="s">
        <v>53</v>
      </c>
    </row>
    <row r="65" spans="1:3" x14ac:dyDescent="0.25">
      <c r="A65" t="s">
        <v>89</v>
      </c>
      <c r="B65" s="19"/>
      <c r="C65" s="5" t="s">
        <v>55</v>
      </c>
    </row>
    <row r="66" spans="1:3" x14ac:dyDescent="0.25">
      <c r="A66" t="s">
        <v>90</v>
      </c>
      <c r="B66" s="19" t="s">
        <v>91</v>
      </c>
    </row>
    <row r="67" spans="1:3" x14ac:dyDescent="0.25">
      <c r="A67" t="s">
        <v>92</v>
      </c>
      <c r="B67" s="20"/>
    </row>
    <row r="68" spans="1:3" x14ac:dyDescent="0.25">
      <c r="A68" t="s">
        <v>93</v>
      </c>
      <c r="B68" s="20"/>
    </row>
    <row r="69" spans="1:3" x14ac:dyDescent="0.25">
      <c r="A69" t="s">
        <v>94</v>
      </c>
      <c r="B69" s="20"/>
    </row>
    <row r="70" spans="1:3" x14ac:dyDescent="0.25">
      <c r="A70" t="s">
        <v>95</v>
      </c>
      <c r="B70" s="20"/>
    </row>
    <row r="71" spans="1:3" x14ac:dyDescent="0.25">
      <c r="A71" t="s">
        <v>96</v>
      </c>
      <c r="B71" s="20"/>
    </row>
    <row r="72" spans="1:3" x14ac:dyDescent="0.25">
      <c r="A72" t="s">
        <v>97</v>
      </c>
      <c r="B72" s="20"/>
    </row>
    <row r="73" spans="1:3" x14ac:dyDescent="0.25">
      <c r="A73" t="s">
        <v>314</v>
      </c>
      <c r="B73" s="5"/>
      <c r="C73" s="5"/>
    </row>
    <row r="74" spans="1:3" x14ac:dyDescent="0.25">
      <c r="A74" t="s">
        <v>305</v>
      </c>
      <c r="B74" s="19" t="s">
        <v>306</v>
      </c>
    </row>
    <row r="75" spans="1:3" x14ac:dyDescent="0.25">
      <c r="A75" t="s">
        <v>232</v>
      </c>
      <c r="B75" s="19"/>
    </row>
    <row r="76" spans="1:3" x14ac:dyDescent="0.25">
      <c r="A76" t="s">
        <v>233</v>
      </c>
      <c r="B76" s="19"/>
    </row>
    <row r="77" spans="1:3" x14ac:dyDescent="0.25">
      <c r="A77" t="s">
        <v>234</v>
      </c>
      <c r="B77" s="19"/>
    </row>
    <row r="78" spans="1:3" x14ac:dyDescent="0.25">
      <c r="A78" t="s">
        <v>235</v>
      </c>
      <c r="B78" s="19"/>
    </row>
    <row r="79" spans="1:3" x14ac:dyDescent="0.25">
      <c r="A79" t="s">
        <v>236</v>
      </c>
      <c r="B79" s="19"/>
    </row>
    <row r="80" spans="1:3" x14ac:dyDescent="0.25">
      <c r="A80" t="s">
        <v>307</v>
      </c>
      <c r="B80" s="19"/>
      <c r="C80" s="5" t="s">
        <v>53</v>
      </c>
    </row>
    <row r="81" spans="1:3" x14ac:dyDescent="0.25">
      <c r="A81" t="s">
        <v>308</v>
      </c>
      <c r="B81" s="19"/>
      <c r="C81" s="5" t="s">
        <v>55</v>
      </c>
    </row>
    <row r="82" spans="1:3" x14ac:dyDescent="0.25">
      <c r="A82" t="s">
        <v>239</v>
      </c>
      <c r="B82" s="19" t="s">
        <v>309</v>
      </c>
    </row>
    <row r="83" spans="1:3" x14ac:dyDescent="0.25">
      <c r="A83" t="s">
        <v>310</v>
      </c>
      <c r="B83" s="20"/>
    </row>
    <row r="84" spans="1:3" x14ac:dyDescent="0.25">
      <c r="A84" t="s">
        <v>241</v>
      </c>
      <c r="B84" s="20"/>
    </row>
    <row r="85" spans="1:3" x14ac:dyDescent="0.25">
      <c r="A85" t="s">
        <v>242</v>
      </c>
      <c r="B85" s="20"/>
    </row>
    <row r="86" spans="1:3" x14ac:dyDescent="0.25">
      <c r="A86" t="s">
        <v>243</v>
      </c>
      <c r="B86" s="20"/>
    </row>
    <row r="87" spans="1:3" x14ac:dyDescent="0.25">
      <c r="A87" t="s">
        <v>244</v>
      </c>
      <c r="B87" s="20"/>
    </row>
    <row r="88" spans="1:3" x14ac:dyDescent="0.25">
      <c r="A88" t="s">
        <v>245</v>
      </c>
      <c r="B88" s="20"/>
    </row>
    <row r="89" spans="1:3" x14ac:dyDescent="0.25">
      <c r="A89" t="s">
        <v>315</v>
      </c>
      <c r="B89" s="5"/>
      <c r="C89" s="5"/>
    </row>
    <row r="90" spans="1:3" x14ac:dyDescent="0.25">
      <c r="A90" t="s">
        <v>249</v>
      </c>
      <c r="B90" s="19" t="s">
        <v>301</v>
      </c>
    </row>
    <row r="91" spans="1:3" x14ac:dyDescent="0.25">
      <c r="A91" t="s">
        <v>250</v>
      </c>
      <c r="B91" s="19"/>
    </row>
    <row r="92" spans="1:3" x14ac:dyDescent="0.25">
      <c r="A92" t="s">
        <v>251</v>
      </c>
      <c r="B92" s="19"/>
    </row>
    <row r="93" spans="1:3" x14ac:dyDescent="0.25">
      <c r="A93" t="s">
        <v>252</v>
      </c>
      <c r="B93" s="19"/>
    </row>
    <row r="94" spans="1:3" x14ac:dyDescent="0.25">
      <c r="A94" t="s">
        <v>253</v>
      </c>
      <c r="B94" s="19"/>
    </row>
    <row r="95" spans="1:3" x14ac:dyDescent="0.25">
      <c r="A95" t="s">
        <v>254</v>
      </c>
      <c r="B95" s="19"/>
    </row>
    <row r="96" spans="1:3" x14ac:dyDescent="0.25">
      <c r="A96" t="s">
        <v>302</v>
      </c>
      <c r="B96" s="19"/>
      <c r="C96" s="5" t="s">
        <v>53</v>
      </c>
    </row>
    <row r="97" spans="1:3" x14ac:dyDescent="0.25">
      <c r="A97" t="s">
        <v>256</v>
      </c>
      <c r="B97" s="19"/>
      <c r="C97" s="5" t="s">
        <v>55</v>
      </c>
    </row>
    <row r="98" spans="1:3" x14ac:dyDescent="0.25">
      <c r="A98" t="s">
        <v>257</v>
      </c>
      <c r="B98" s="19" t="s">
        <v>303</v>
      </c>
    </row>
    <row r="99" spans="1:3" x14ac:dyDescent="0.25">
      <c r="A99" t="s">
        <v>304</v>
      </c>
      <c r="B99" s="20"/>
    </row>
    <row r="100" spans="1:3" x14ac:dyDescent="0.25">
      <c r="A100" t="s">
        <v>259</v>
      </c>
      <c r="B100" s="20"/>
    </row>
    <row r="101" spans="1:3" x14ac:dyDescent="0.25">
      <c r="A101" t="s">
        <v>260</v>
      </c>
      <c r="B101" s="20"/>
    </row>
    <row r="102" spans="1:3" x14ac:dyDescent="0.25">
      <c r="A102" t="s">
        <v>261</v>
      </c>
      <c r="B102" s="20"/>
    </row>
    <row r="103" spans="1:3" x14ac:dyDescent="0.25">
      <c r="A103" t="s">
        <v>262</v>
      </c>
      <c r="B103" s="20"/>
    </row>
    <row r="104" spans="1:3" x14ac:dyDescent="0.25">
      <c r="A104" t="s">
        <v>263</v>
      </c>
      <c r="B104" s="20"/>
    </row>
    <row r="105" spans="1:3" x14ac:dyDescent="0.25">
      <c r="A105" t="s">
        <v>316</v>
      </c>
      <c r="B105" s="16"/>
    </row>
    <row r="106" spans="1:3" x14ac:dyDescent="0.25">
      <c r="A106" t="s">
        <v>267</v>
      </c>
      <c r="B106" s="19" t="s">
        <v>297</v>
      </c>
    </row>
    <row r="107" spans="1:3" x14ac:dyDescent="0.25">
      <c r="A107" t="s">
        <v>268</v>
      </c>
      <c r="B107" s="19"/>
    </row>
    <row r="108" spans="1:3" x14ac:dyDescent="0.25">
      <c r="A108" t="s">
        <v>269</v>
      </c>
      <c r="B108" s="19"/>
    </row>
    <row r="109" spans="1:3" x14ac:dyDescent="0.25">
      <c r="A109" t="s">
        <v>270</v>
      </c>
      <c r="B109" s="19"/>
    </row>
    <row r="110" spans="1:3" x14ac:dyDescent="0.25">
      <c r="A110" t="s">
        <v>271</v>
      </c>
      <c r="B110" s="19"/>
    </row>
    <row r="111" spans="1:3" x14ac:dyDescent="0.25">
      <c r="A111" t="s">
        <v>272</v>
      </c>
      <c r="B111" s="19"/>
    </row>
    <row r="112" spans="1:3" x14ac:dyDescent="0.25">
      <c r="A112" t="s">
        <v>298</v>
      </c>
      <c r="B112" s="19"/>
      <c r="C112" s="5" t="s">
        <v>53</v>
      </c>
    </row>
    <row r="113" spans="1:3" x14ac:dyDescent="0.25">
      <c r="A113" t="s">
        <v>274</v>
      </c>
      <c r="B113" s="19"/>
      <c r="C113" s="5" t="s">
        <v>55</v>
      </c>
    </row>
    <row r="114" spans="1:3" x14ac:dyDescent="0.25">
      <c r="A114" t="s">
        <v>275</v>
      </c>
      <c r="B114" s="19" t="s">
        <v>299</v>
      </c>
    </row>
    <row r="115" spans="1:3" x14ac:dyDescent="0.25">
      <c r="A115" t="s">
        <v>300</v>
      </c>
      <c r="B115" s="20"/>
    </row>
    <row r="116" spans="1:3" x14ac:dyDescent="0.25">
      <c r="A116" t="s">
        <v>277</v>
      </c>
      <c r="B116" s="20"/>
    </row>
    <row r="117" spans="1:3" x14ac:dyDescent="0.25">
      <c r="A117" t="s">
        <v>278</v>
      </c>
      <c r="B117" s="20"/>
    </row>
    <row r="118" spans="1:3" x14ac:dyDescent="0.25">
      <c r="A118" t="s">
        <v>279</v>
      </c>
      <c r="B118" s="20"/>
    </row>
    <row r="119" spans="1:3" x14ac:dyDescent="0.25">
      <c r="A119" t="s">
        <v>280</v>
      </c>
      <c r="B119" s="20"/>
    </row>
    <row r="120" spans="1:3" x14ac:dyDescent="0.25">
      <c r="A120" t="s">
        <v>281</v>
      </c>
      <c r="B120" s="20"/>
    </row>
    <row r="121" spans="1:3" x14ac:dyDescent="0.25">
      <c r="A121" t="s">
        <v>98</v>
      </c>
      <c r="B121" t="s">
        <v>99</v>
      </c>
    </row>
    <row r="122" spans="1:3" ht="30" x14ac:dyDescent="0.25">
      <c r="A122" t="s">
        <v>100</v>
      </c>
      <c r="B122" s="5" t="s">
        <v>101</v>
      </c>
    </row>
    <row r="123" spans="1:3" x14ac:dyDescent="0.25">
      <c r="A123" t="s">
        <v>102</v>
      </c>
      <c r="B123" t="s">
        <v>103</v>
      </c>
    </row>
    <row r="124" spans="1:3" ht="30" x14ac:dyDescent="0.25">
      <c r="A124" t="s">
        <v>104</v>
      </c>
      <c r="B124" s="5" t="s">
        <v>105</v>
      </c>
    </row>
    <row r="125" spans="1:3" x14ac:dyDescent="0.25">
      <c r="A125" t="s">
        <v>106</v>
      </c>
      <c r="B125" s="17" t="s">
        <v>107</v>
      </c>
    </row>
    <row r="126" spans="1:3" x14ac:dyDescent="0.25">
      <c r="A126" t="s">
        <v>108</v>
      </c>
      <c r="B126" s="18"/>
    </row>
    <row r="127" spans="1:3" x14ac:dyDescent="0.25">
      <c r="A127" t="s">
        <v>109</v>
      </c>
      <c r="B127" s="18"/>
    </row>
    <row r="128" spans="1:3" x14ac:dyDescent="0.25">
      <c r="A128" t="s">
        <v>110</v>
      </c>
      <c r="B128" s="18"/>
    </row>
    <row r="129" spans="1:3" x14ac:dyDescent="0.25">
      <c r="A129" t="s">
        <v>111</v>
      </c>
      <c r="B129" s="18"/>
    </row>
    <row r="130" spans="1:3" ht="45" x14ac:dyDescent="0.25">
      <c r="A130" t="s">
        <v>112</v>
      </c>
      <c r="B130" s="5" t="s">
        <v>113</v>
      </c>
      <c r="C130" s="5" t="s">
        <v>114</v>
      </c>
    </row>
    <row r="131" spans="1:3" ht="60" x14ac:dyDescent="0.25">
      <c r="A131" t="s">
        <v>115</v>
      </c>
      <c r="B131" s="5" t="s">
        <v>116</v>
      </c>
    </row>
    <row r="132" spans="1:3" ht="45" x14ac:dyDescent="0.25">
      <c r="A132" t="s">
        <v>117</v>
      </c>
      <c r="B132" s="5" t="s">
        <v>118</v>
      </c>
    </row>
    <row r="133" spans="1:3" ht="30" x14ac:dyDescent="0.25">
      <c r="A133" t="s">
        <v>119</v>
      </c>
      <c r="B133" s="5" t="s">
        <v>120</v>
      </c>
    </row>
    <row r="134" spans="1:3" ht="45" x14ac:dyDescent="0.25">
      <c r="A134" t="s">
        <v>121</v>
      </c>
      <c r="B134" s="5" t="s">
        <v>113</v>
      </c>
      <c r="C134" s="5" t="s">
        <v>114</v>
      </c>
    </row>
    <row r="135" spans="1:3" ht="60" x14ac:dyDescent="0.25">
      <c r="A135" t="s">
        <v>122</v>
      </c>
      <c r="B135" s="5" t="s">
        <v>116</v>
      </c>
    </row>
    <row r="136" spans="1:3" ht="45" x14ac:dyDescent="0.25">
      <c r="A136" t="s">
        <v>123</v>
      </c>
      <c r="B136" s="5" t="s">
        <v>118</v>
      </c>
    </row>
    <row r="137" spans="1:3" ht="30" x14ac:dyDescent="0.25">
      <c r="A137" t="s">
        <v>124</v>
      </c>
      <c r="B137" s="5" t="s">
        <v>120</v>
      </c>
    </row>
    <row r="138" spans="1:3" ht="45" x14ac:dyDescent="0.25">
      <c r="A138" t="s">
        <v>125</v>
      </c>
      <c r="B138" s="5" t="s">
        <v>113</v>
      </c>
      <c r="C138" s="5" t="s">
        <v>114</v>
      </c>
    </row>
    <row r="139" spans="1:3" ht="60" x14ac:dyDescent="0.25">
      <c r="A139" t="s">
        <v>126</v>
      </c>
      <c r="B139" s="5" t="s">
        <v>116</v>
      </c>
    </row>
    <row r="140" spans="1:3" ht="45" x14ac:dyDescent="0.25">
      <c r="A140" t="s">
        <v>127</v>
      </c>
      <c r="B140" s="5" t="s">
        <v>118</v>
      </c>
    </row>
    <row r="141" spans="1:3" ht="30" x14ac:dyDescent="0.25">
      <c r="A141" t="s">
        <v>128</v>
      </c>
      <c r="B141" s="5" t="s">
        <v>120</v>
      </c>
    </row>
    <row r="142" spans="1:3" ht="30" x14ac:dyDescent="0.25">
      <c r="A142" t="s">
        <v>129</v>
      </c>
      <c r="B142" s="5" t="s">
        <v>130</v>
      </c>
    </row>
    <row r="143" spans="1:3" ht="30" x14ac:dyDescent="0.25">
      <c r="A143" t="s">
        <v>131</v>
      </c>
      <c r="B143" s="5" t="s">
        <v>132</v>
      </c>
    </row>
    <row r="144" spans="1:3" x14ac:dyDescent="0.25">
      <c r="A144" t="s">
        <v>133</v>
      </c>
      <c r="B144" s="5" t="s">
        <v>134</v>
      </c>
    </row>
    <row r="145" spans="1:2" x14ac:dyDescent="0.25">
      <c r="A145" t="s">
        <v>135</v>
      </c>
      <c r="B145" s="5" t="s">
        <v>136</v>
      </c>
    </row>
    <row r="146" spans="1:2" ht="30" x14ac:dyDescent="0.25">
      <c r="A146" t="s">
        <v>137</v>
      </c>
      <c r="B146" s="5" t="s">
        <v>138</v>
      </c>
    </row>
    <row r="147" spans="1:2" x14ac:dyDescent="0.25">
      <c r="A147" t="s">
        <v>139</v>
      </c>
      <c r="B147" s="5" t="s">
        <v>140</v>
      </c>
    </row>
    <row r="148" spans="1:2" ht="30" x14ac:dyDescent="0.25">
      <c r="A148" t="s">
        <v>141</v>
      </c>
      <c r="B148" s="5" t="s">
        <v>130</v>
      </c>
    </row>
    <row r="149" spans="1:2" ht="30" x14ac:dyDescent="0.25">
      <c r="A149" t="s">
        <v>142</v>
      </c>
      <c r="B149" s="5" t="s">
        <v>132</v>
      </c>
    </row>
    <row r="150" spans="1:2" x14ac:dyDescent="0.25">
      <c r="A150" t="s">
        <v>143</v>
      </c>
      <c r="B150" s="5" t="s">
        <v>134</v>
      </c>
    </row>
    <row r="151" spans="1:2" x14ac:dyDescent="0.25">
      <c r="A151" t="s">
        <v>144</v>
      </c>
      <c r="B151" s="5" t="s">
        <v>136</v>
      </c>
    </row>
    <row r="152" spans="1:2" ht="30" x14ac:dyDescent="0.25">
      <c r="A152" t="s">
        <v>145</v>
      </c>
      <c r="B152" s="5" t="s">
        <v>138</v>
      </c>
    </row>
    <row r="153" spans="1:2" x14ac:dyDescent="0.25">
      <c r="A153" t="s">
        <v>146</v>
      </c>
      <c r="B153" s="5" t="s">
        <v>140</v>
      </c>
    </row>
    <row r="154" spans="1:2" ht="30" x14ac:dyDescent="0.25">
      <c r="A154" t="s">
        <v>147</v>
      </c>
      <c r="B154" s="5" t="s">
        <v>130</v>
      </c>
    </row>
    <row r="155" spans="1:2" ht="30" x14ac:dyDescent="0.25">
      <c r="A155" t="s">
        <v>148</v>
      </c>
      <c r="B155" s="5" t="s">
        <v>132</v>
      </c>
    </row>
    <row r="156" spans="1:2" x14ac:dyDescent="0.25">
      <c r="A156" t="s">
        <v>149</v>
      </c>
      <c r="B156" s="5" t="s">
        <v>134</v>
      </c>
    </row>
    <row r="157" spans="1:2" x14ac:dyDescent="0.25">
      <c r="A157" t="s">
        <v>150</v>
      </c>
      <c r="B157" s="5" t="s">
        <v>136</v>
      </c>
    </row>
    <row r="158" spans="1:2" ht="30" x14ac:dyDescent="0.25">
      <c r="A158" t="s">
        <v>151</v>
      </c>
      <c r="B158" s="5" t="s">
        <v>138</v>
      </c>
    </row>
    <row r="159" spans="1:2" x14ac:dyDescent="0.25">
      <c r="A159" t="s">
        <v>152</v>
      </c>
      <c r="B159" s="5" t="s">
        <v>140</v>
      </c>
    </row>
    <row r="160" spans="1:2" x14ac:dyDescent="0.25">
      <c r="A160" t="s">
        <v>153</v>
      </c>
      <c r="B160" s="5" t="s">
        <v>154</v>
      </c>
    </row>
    <row r="161" spans="1:2" x14ac:dyDescent="0.25">
      <c r="A161" t="s">
        <v>155</v>
      </c>
      <c r="B161" s="5" t="s">
        <v>156</v>
      </c>
    </row>
    <row r="162" spans="1:2" x14ac:dyDescent="0.25">
      <c r="A162" t="s">
        <v>157</v>
      </c>
      <c r="B162" s="5" t="s">
        <v>158</v>
      </c>
    </row>
    <row r="163" spans="1:2" x14ac:dyDescent="0.25">
      <c r="A163" t="s">
        <v>159</v>
      </c>
      <c r="B163" s="5" t="s">
        <v>160</v>
      </c>
    </row>
    <row r="164" spans="1:2" x14ac:dyDescent="0.25">
      <c r="A164" t="s">
        <v>161</v>
      </c>
      <c r="B164" s="5" t="s">
        <v>162</v>
      </c>
    </row>
    <row r="165" spans="1:2" x14ac:dyDescent="0.25">
      <c r="A165" t="s">
        <v>163</v>
      </c>
      <c r="B165" s="5" t="s">
        <v>164</v>
      </c>
    </row>
    <row r="166" spans="1:2" x14ac:dyDescent="0.25">
      <c r="A166" t="s">
        <v>165</v>
      </c>
      <c r="B166" s="5" t="s">
        <v>166</v>
      </c>
    </row>
    <row r="167" spans="1:2" x14ac:dyDescent="0.25">
      <c r="A167" t="s">
        <v>167</v>
      </c>
      <c r="B167" s="5" t="s">
        <v>168</v>
      </c>
    </row>
    <row r="168" spans="1:2" x14ac:dyDescent="0.25">
      <c r="A168" t="s">
        <v>169</v>
      </c>
      <c r="B168" s="5" t="s">
        <v>170</v>
      </c>
    </row>
    <row r="169" spans="1:2" x14ac:dyDescent="0.25">
      <c r="A169" t="s">
        <v>171</v>
      </c>
      <c r="B169" s="5" t="s">
        <v>172</v>
      </c>
    </row>
    <row r="170" spans="1:2" x14ac:dyDescent="0.25">
      <c r="A170" t="s">
        <v>173</v>
      </c>
      <c r="B170" s="5" t="s">
        <v>166</v>
      </c>
    </row>
    <row r="171" spans="1:2" x14ac:dyDescent="0.25">
      <c r="A171" t="s">
        <v>174</v>
      </c>
      <c r="B171" s="5" t="s">
        <v>168</v>
      </c>
    </row>
    <row r="172" spans="1:2" x14ac:dyDescent="0.25">
      <c r="A172" t="s">
        <v>175</v>
      </c>
      <c r="B172" s="5" t="s">
        <v>170</v>
      </c>
    </row>
    <row r="173" spans="1:2" x14ac:dyDescent="0.25">
      <c r="A173" t="s">
        <v>176</v>
      </c>
      <c r="B173" s="5" t="s">
        <v>172</v>
      </c>
    </row>
    <row r="174" spans="1:2" x14ac:dyDescent="0.25">
      <c r="A174" t="s">
        <v>177</v>
      </c>
      <c r="B174" s="5" t="s">
        <v>178</v>
      </c>
    </row>
    <row r="175" spans="1:2" x14ac:dyDescent="0.25">
      <c r="A175" t="s">
        <v>179</v>
      </c>
      <c r="B175" s="5" t="s">
        <v>168</v>
      </c>
    </row>
    <row r="176" spans="1:2" x14ac:dyDescent="0.25">
      <c r="A176" t="s">
        <v>180</v>
      </c>
      <c r="B176" s="5" t="s">
        <v>181</v>
      </c>
    </row>
    <row r="177" spans="1:2" x14ac:dyDescent="0.25">
      <c r="A177" t="s">
        <v>182</v>
      </c>
      <c r="B177" s="5" t="s">
        <v>183</v>
      </c>
    </row>
    <row r="178" spans="1:2" x14ac:dyDescent="0.25">
      <c r="A178" t="s">
        <v>184</v>
      </c>
      <c r="B178" s="5" t="s">
        <v>178</v>
      </c>
    </row>
    <row r="179" spans="1:2" x14ac:dyDescent="0.25">
      <c r="A179" t="s">
        <v>185</v>
      </c>
      <c r="B179" s="5" t="s">
        <v>168</v>
      </c>
    </row>
    <row r="180" spans="1:2" x14ac:dyDescent="0.25">
      <c r="A180" t="s">
        <v>186</v>
      </c>
      <c r="B180" s="5" t="s">
        <v>181</v>
      </c>
    </row>
    <row r="181" spans="1:2" x14ac:dyDescent="0.25">
      <c r="A181" t="s">
        <v>187</v>
      </c>
      <c r="B181" s="5" t="s">
        <v>183</v>
      </c>
    </row>
  </sheetData>
  <mergeCells count="13">
    <mergeCell ref="B125:B129"/>
    <mergeCell ref="B26:B33"/>
    <mergeCell ref="B34:B40"/>
    <mergeCell ref="B42:B49"/>
    <mergeCell ref="B50:B56"/>
    <mergeCell ref="B58:B65"/>
    <mergeCell ref="B66:B72"/>
    <mergeCell ref="B74:B81"/>
    <mergeCell ref="B82:B88"/>
    <mergeCell ref="B90:B97"/>
    <mergeCell ref="B98:B104"/>
    <mergeCell ref="B106:B113"/>
    <mergeCell ref="B114:B120"/>
  </mergeCells>
  <printOptions horizontalCentered="1" gridLines="1"/>
  <pageMargins left="0.75" right="0.75" top="1.5" bottom="0.75" header="0.75" footer="0.25"/>
  <pageSetup orientation="portrait" r:id="rId1"/>
  <headerFooter>
    <oddHeader xml:space="preserve">&amp;C&amp;"-,Bold"&amp;12&amp;G
&amp;A&amp;"-,Regular"&amp;11
</oddHeader>
  </headerFooter>
  <legacyDrawingHF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3</vt:i4>
      </vt:variant>
      <vt:variant>
        <vt:lpstr>Named Ranges</vt:lpstr>
      </vt:variant>
      <vt:variant>
        <vt:i4>1</vt:i4>
      </vt:variant>
    </vt:vector>
  </HeadingPairs>
  <TitlesOfParts>
    <vt:vector size="4" baseType="lpstr">
      <vt:lpstr>CREDENTIALING SPREADSHEET</vt:lpstr>
      <vt:lpstr>RECREDENTIALING SPREADSHEET</vt:lpstr>
      <vt:lpstr>DATA DICTIONARY</vt:lpstr>
      <vt:lpstr>'DATA DICTIONARY'!Print_Titles</vt:lpstr>
    </vt:vector>
  </TitlesOfParts>
  <Company>Hewlett-Packard Company</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3654</dc:creator>
  <cp:lastModifiedBy>Rosie Cruz</cp:lastModifiedBy>
  <cp:lastPrinted>2021-09-26T17:38:11Z</cp:lastPrinted>
  <dcterms:created xsi:type="dcterms:W3CDTF">2015-09-09T14:38:55Z</dcterms:created>
  <dcterms:modified xsi:type="dcterms:W3CDTF">2022-09-15T21:33:29Z</dcterms:modified>
</cp:coreProperties>
</file>